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1593196\Dropbox\Neyedley-Meagher-Hanley - MOOSHLA\TGI_Round_2_Deliverables\March_2020_Thermobarometry_OFR\Revisions_May_2020\Appendicies\"/>
    </mc:Choice>
  </mc:AlternateContent>
  <bookViews>
    <workbookView xWindow="0" yWindow="0" windowWidth="2430" windowHeight="450" tabRatio="914"/>
  </bookViews>
  <sheets>
    <sheet name="715.6" sheetId="5" r:id="rId1"/>
    <sheet name="493.7" sheetId="3" r:id="rId2"/>
    <sheet name="Stop10" sheetId="4" r:id="rId3"/>
    <sheet name="Stop11" sheetId="7" r:id="rId4"/>
    <sheet name="1323" sheetId="8" r:id="rId5"/>
    <sheet name="1444.5" sheetId="9" r:id="rId6"/>
  </sheet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1597" uniqueCount="1152">
  <si>
    <t>Si29</t>
  </si>
  <si>
    <t>P31</t>
  </si>
  <si>
    <t>Ca44</t>
  </si>
  <si>
    <t>Sc45</t>
  </si>
  <si>
    <t>Ti49</t>
  </si>
  <si>
    <t>Fe56</t>
  </si>
  <si>
    <t>Sr88</t>
  </si>
  <si>
    <t>Y89</t>
  </si>
  <si>
    <t>Nb93</t>
  </si>
  <si>
    <t>Sn118</t>
  </si>
  <si>
    <t>La139</t>
  </si>
  <si>
    <t>Ce140</t>
  </si>
  <si>
    <t>Pr141</t>
  </si>
  <si>
    <t>Nd146</t>
  </si>
  <si>
    <t>Sm147</t>
  </si>
  <si>
    <t>Eu153</t>
  </si>
  <si>
    <t>Gd157</t>
  </si>
  <si>
    <t>Tb159</t>
  </si>
  <si>
    <t>Dy163</t>
  </si>
  <si>
    <t>Ho165</t>
  </si>
  <si>
    <t>Er166</t>
  </si>
  <si>
    <t>Tm169</t>
  </si>
  <si>
    <t>Yb172</t>
  </si>
  <si>
    <t>Lu175</t>
  </si>
  <si>
    <t>Hf178</t>
  </si>
  <si>
    <t>Ta181</t>
  </si>
  <si>
    <t>Pb208</t>
  </si>
  <si>
    <t>Th232</t>
  </si>
  <si>
    <t>U238</t>
  </si>
  <si>
    <t>2019_01_28c05.csv</t>
  </si>
  <si>
    <t>493.7_An_L_1</t>
  </si>
  <si>
    <t>&lt;0.65092</t>
  </si>
  <si>
    <t>&lt;0.27199</t>
  </si>
  <si>
    <t>2019_01_28c06.csv</t>
  </si>
  <si>
    <t>493.7_An_L_2</t>
  </si>
  <si>
    <t>&lt;0.44922</t>
  </si>
  <si>
    <t>&lt;0.17716</t>
  </si>
  <si>
    <t>2019_01_28c07.csv</t>
  </si>
  <si>
    <t>493.7_An_L_3</t>
  </si>
  <si>
    <t>&lt;0.47416</t>
  </si>
  <si>
    <t>2019_01_28c08.csv</t>
  </si>
  <si>
    <t>493.7_An_L_4</t>
  </si>
  <si>
    <t>&lt;0.82696</t>
  </si>
  <si>
    <t>&lt;0.36795</t>
  </si>
  <si>
    <t>2019_01_28c09.csv</t>
  </si>
  <si>
    <t>493.7_An_L_5</t>
  </si>
  <si>
    <t>&lt;26.108</t>
  </si>
  <si>
    <t>&lt;0.20871</t>
  </si>
  <si>
    <t>2019_01_28c11.csv</t>
  </si>
  <si>
    <t>493.7_An_L_7</t>
  </si>
  <si>
    <t>&lt;26.011</t>
  </si>
  <si>
    <t>&lt;0.21654</t>
  </si>
  <si>
    <t>2019_01_28c12.csv</t>
  </si>
  <si>
    <t>493.7_An_L_8</t>
  </si>
  <si>
    <t>&lt;0.47309</t>
  </si>
  <si>
    <t>2019_01_28c13.csv</t>
  </si>
  <si>
    <t>493.7_An_L_9</t>
  </si>
  <si>
    <t>&lt;0.81325</t>
  </si>
  <si>
    <t>&lt;6.3095</t>
  </si>
  <si>
    <t>&lt;0.34723</t>
  </si>
  <si>
    <t>&lt;0.040733</t>
  </si>
  <si>
    <t>2019_01_28c14.csv</t>
  </si>
  <si>
    <t>493.7_An_L_10</t>
  </si>
  <si>
    <t>&lt;0.74266</t>
  </si>
  <si>
    <t>2019_01_28c15.csv</t>
  </si>
  <si>
    <t>493.7_An_L_11</t>
  </si>
  <si>
    <t>&lt;0.5423</t>
  </si>
  <si>
    <t>&lt;25.9405</t>
  </si>
  <si>
    <t>&lt;0.21062</t>
  </si>
  <si>
    <t>2019_01_28c16.csv</t>
  </si>
  <si>
    <t>493.7_An_L_12</t>
  </si>
  <si>
    <t>&lt;0.87148</t>
  </si>
  <si>
    <t>&lt;0.37224</t>
  </si>
  <si>
    <t>2019_01_28c17.csv</t>
  </si>
  <si>
    <t>493.7_An_L_13</t>
  </si>
  <si>
    <t>&lt;0.22329</t>
  </si>
  <si>
    <t>2019_01_28c18.csv</t>
  </si>
  <si>
    <t>493.7_An_L_14</t>
  </si>
  <si>
    <t>&lt;0.56757</t>
  </si>
  <si>
    <t>2019_01_28c19.csv</t>
  </si>
  <si>
    <t>493.7_An_L_15</t>
  </si>
  <si>
    <t>&lt;0.53111</t>
  </si>
  <si>
    <t>&lt;0.17806</t>
  </si>
  <si>
    <t>2019_01_28c20.csv</t>
  </si>
  <si>
    <t>493.7_An_L_16</t>
  </si>
  <si>
    <t>&lt;0.57934</t>
  </si>
  <si>
    <t>&lt;28.9157</t>
  </si>
  <si>
    <t>&lt;0.20975</t>
  </si>
  <si>
    <t>2019_01_28c22.csv</t>
  </si>
  <si>
    <t>493.7_An_L_18</t>
  </si>
  <si>
    <t>&lt;26.5692</t>
  </si>
  <si>
    <t>2019_01_28c27.csv</t>
  </si>
  <si>
    <t>493.7_An_L_19</t>
  </si>
  <si>
    <t>&lt;0.9352</t>
  </si>
  <si>
    <t>&lt;44.296</t>
  </si>
  <si>
    <t>&lt;0.33722</t>
  </si>
  <si>
    <t>2019_01_28c28.csv</t>
  </si>
  <si>
    <t>493.7_An_L_20</t>
  </si>
  <si>
    <t>2019_01_28c29.csv</t>
  </si>
  <si>
    <t>493.7_An_L_21</t>
  </si>
  <si>
    <t>&lt;0.94942</t>
  </si>
  <si>
    <t>&lt;42.9792</t>
  </si>
  <si>
    <t>&lt;0.33743</t>
  </si>
  <si>
    <t>2019_01_28c30.csv</t>
  </si>
  <si>
    <t>493.7_An_L_22</t>
  </si>
  <si>
    <t>&lt;0.46101</t>
  </si>
  <si>
    <t>&lt;3.4053</t>
  </si>
  <si>
    <t>2019_01_28c31.csv</t>
  </si>
  <si>
    <t>493.7_An_L_23</t>
  </si>
  <si>
    <t>&lt;0.45556</t>
  </si>
  <si>
    <t>&lt;3.6186</t>
  </si>
  <si>
    <t>&lt;0.18998</t>
  </si>
  <si>
    <t>2019_01_28c32.csv</t>
  </si>
  <si>
    <t>493.7_An_L_24</t>
  </si>
  <si>
    <t>&lt;4.7516</t>
  </si>
  <si>
    <t>&lt;0.2323</t>
  </si>
  <si>
    <t>2019_01_28c33.csv</t>
  </si>
  <si>
    <t>493.7_An_L_25</t>
  </si>
  <si>
    <t>&lt;0.75848</t>
  </si>
  <si>
    <t>&lt;35.3417</t>
  </si>
  <si>
    <t>&lt;0.28099</t>
  </si>
  <si>
    <t>2019_01_28c34.csv</t>
  </si>
  <si>
    <t>493.7_An_L_26</t>
  </si>
  <si>
    <t>&lt;0.5537</t>
  </si>
  <si>
    <t>&lt;0.20984</t>
  </si>
  <si>
    <t>2019_01_28c35.csv</t>
  </si>
  <si>
    <t>493.7_An_L_27</t>
  </si>
  <si>
    <t>&lt;33.877</t>
  </si>
  <si>
    <t>&lt;0.26834</t>
  </si>
  <si>
    <t>2019_01_28c37.csv</t>
  </si>
  <si>
    <t>493.7_An_L_29</t>
  </si>
  <si>
    <t>2019_01_28c46.csv</t>
  </si>
  <si>
    <t>493.7_An_L_30</t>
  </si>
  <si>
    <t>&lt;0.59276</t>
  </si>
  <si>
    <t>&lt;27.3606</t>
  </si>
  <si>
    <t>2019_01_28c47.csv</t>
  </si>
  <si>
    <t>493.7_An_L_31</t>
  </si>
  <si>
    <t>&lt;0.55761</t>
  </si>
  <si>
    <t>&lt;27.7259</t>
  </si>
  <si>
    <t>2019_01_28c48.csv</t>
  </si>
  <si>
    <t>493.7_An_L_32</t>
  </si>
  <si>
    <t>&lt;0.58502</t>
  </si>
  <si>
    <t>&lt;27.9659</t>
  </si>
  <si>
    <t>&lt;4.0741</t>
  </si>
  <si>
    <t>&lt;0.20706</t>
  </si>
  <si>
    <t>2019_01_28c49.csv</t>
  </si>
  <si>
    <t>493.7_An_L_33</t>
  </si>
  <si>
    <t>&lt;0.55219</t>
  </si>
  <si>
    <t>&lt;26.9869</t>
  </si>
  <si>
    <t>&lt;3.9077</t>
  </si>
  <si>
    <t>2019_01_28c50.csv</t>
  </si>
  <si>
    <t>493.7_An_L_34</t>
  </si>
  <si>
    <t>&lt;0.2529</t>
  </si>
  <si>
    <t>2019_01_28c51.csv</t>
  </si>
  <si>
    <t>493.7_An_L_35</t>
  </si>
  <si>
    <t>&lt;0.59401</t>
  </si>
  <si>
    <t>&lt;28.5715</t>
  </si>
  <si>
    <t>&lt;0.20751</t>
  </si>
  <si>
    <t>2019_01_28c52.csv</t>
  </si>
  <si>
    <t>493.7_An_L_36</t>
  </si>
  <si>
    <t>&lt;0.9245</t>
  </si>
  <si>
    <t>&lt;43.6792</t>
  </si>
  <si>
    <t>&lt;0.32424</t>
  </si>
  <si>
    <t>2019_01_28c53.csv</t>
  </si>
  <si>
    <t>493.7_An_L_37</t>
  </si>
  <si>
    <t>&lt;0.15632</t>
  </si>
  <si>
    <t>2019_01_28c54.csv</t>
  </si>
  <si>
    <t>493.7_An_L_38</t>
  </si>
  <si>
    <t>&lt;25.5388</t>
  </si>
  <si>
    <t>2019_01_28c55.csv</t>
  </si>
  <si>
    <t>493.7_An_L_39</t>
  </si>
  <si>
    <t>&lt;0.85069</t>
  </si>
  <si>
    <t>&lt;39.9774</t>
  </si>
  <si>
    <t>&lt;0.26785</t>
  </si>
  <si>
    <t>2019_01_28c56.csv</t>
  </si>
  <si>
    <t>493.7_An_L_40</t>
  </si>
  <si>
    <t>&lt;0.1758</t>
  </si>
  <si>
    <t>2019_01_28c57.csv</t>
  </si>
  <si>
    <t>493.7_An_L_41</t>
  </si>
  <si>
    <t>&lt;0.16893</t>
  </si>
  <si>
    <t>2019_01_28c58.csv</t>
  </si>
  <si>
    <t>493.7_An_L_42</t>
  </si>
  <si>
    <t>&lt;0.49681</t>
  </si>
  <si>
    <t>2019_01_28c59.csv</t>
  </si>
  <si>
    <t>493.7_An_L_43</t>
  </si>
  <si>
    <t>&lt;0.65335</t>
  </si>
  <si>
    <t>&lt;30.7473</t>
  </si>
  <si>
    <t>&lt;4.784</t>
  </si>
  <si>
    <t>&lt;0.23354</t>
  </si>
  <si>
    <t>2019_01_28c60.csv</t>
  </si>
  <si>
    <t>493.7_An_L_44</t>
  </si>
  <si>
    <t>&lt;0.67322</t>
  </si>
  <si>
    <t>&lt;31.0071</t>
  </si>
  <si>
    <t>&lt;4.7419</t>
  </si>
  <si>
    <t>&lt;0.26494</t>
  </si>
  <si>
    <t>2019_01_28c61.csv</t>
  </si>
  <si>
    <t>493.7_An_L_45</t>
  </si>
  <si>
    <t>&lt;0.49871</t>
  </si>
  <si>
    <t>&lt;3.593</t>
  </si>
  <si>
    <t>&lt;0.16136</t>
  </si>
  <si>
    <t>2019_01_28c62.csv</t>
  </si>
  <si>
    <t>493.7_An_L_46</t>
  </si>
  <si>
    <t>&lt;0.62114</t>
  </si>
  <si>
    <t>&lt;28.6743</t>
  </si>
  <si>
    <t>&lt;0.21423</t>
  </si>
  <si>
    <t>2019_01_28c63.csv</t>
  </si>
  <si>
    <t>493.7_An_L_47</t>
  </si>
  <si>
    <t>&lt;0.19559</t>
  </si>
  <si>
    <t>2019_01_28c64.csv</t>
  </si>
  <si>
    <t>493.7_An_L_48</t>
  </si>
  <si>
    <t>&lt;0.69372</t>
  </si>
  <si>
    <t>&lt;32.2686</t>
  </si>
  <si>
    <t>&lt;0.2506</t>
  </si>
  <si>
    <t>2019_01_28c65.csv</t>
  </si>
  <si>
    <t>493.7_An_L_49</t>
  </si>
  <si>
    <t>&lt;0.71102</t>
  </si>
  <si>
    <t>&lt;33.5228</t>
  </si>
  <si>
    <t>2019_01_28c67.csv</t>
  </si>
  <si>
    <t>493.7_An_L_51</t>
  </si>
  <si>
    <t>&lt;29.3614</t>
  </si>
  <si>
    <t>&lt;0.19819</t>
  </si>
  <si>
    <t>2019_01_28c68.csv</t>
  </si>
  <si>
    <t>493.7_An_L_52</t>
  </si>
  <si>
    <t>&lt;0.68452</t>
  </si>
  <si>
    <t>&lt;32.6675</t>
  </si>
  <si>
    <t>2019_01_28c69.csv</t>
  </si>
  <si>
    <t>493.7_An_L_53</t>
  </si>
  <si>
    <t>&lt;24.0826</t>
  </si>
  <si>
    <t>&lt;0.1654</t>
  </si>
  <si>
    <t>2019_01_28c71.csv</t>
  </si>
  <si>
    <t>493.7_An_L_55</t>
  </si>
  <si>
    <t>&lt;0.52621</t>
  </si>
  <si>
    <t>&lt;24.9583</t>
  </si>
  <si>
    <t>&lt;0.17654</t>
  </si>
  <si>
    <t>2019_01_28c72.csv</t>
  </si>
  <si>
    <t>493.7_An_L_56</t>
  </si>
  <si>
    <t>&lt;24.9606</t>
  </si>
  <si>
    <t>&lt;0.18739</t>
  </si>
  <si>
    <t>2019_01_28c74.csv</t>
  </si>
  <si>
    <t>493.7_An_L_58</t>
  </si>
  <si>
    <t>&lt;0.49232</t>
  </si>
  <si>
    <t>&lt;0.17447</t>
  </si>
  <si>
    <t>2019_01_28c75.csv</t>
  </si>
  <si>
    <t>493.7_An_L_59</t>
  </si>
  <si>
    <t>&lt;3.2267</t>
  </si>
  <si>
    <t>&lt;0.15681</t>
  </si>
  <si>
    <t>2019_01_28c80.csv</t>
  </si>
  <si>
    <t>Stop_10_An_L_1</t>
  </si>
  <si>
    <t>2019_01_28c81.csv</t>
  </si>
  <si>
    <t>Stop_10_An_L_2</t>
  </si>
  <si>
    <t>&lt;0.42896</t>
  </si>
  <si>
    <t>2019_01_28c82.csv</t>
  </si>
  <si>
    <t>Stop_10_An_L_3</t>
  </si>
  <si>
    <t>&lt;0.40433</t>
  </si>
  <si>
    <t>2019_01_28c83.csv</t>
  </si>
  <si>
    <t>Stop_10_An_L_4</t>
  </si>
  <si>
    <t>&lt;0.14115</t>
  </si>
  <si>
    <t>2019_01_28c84.csv</t>
  </si>
  <si>
    <t>Stop_10_An_L_5</t>
  </si>
  <si>
    <t>&lt;0.14647</t>
  </si>
  <si>
    <t>2019_01_28c86.csv</t>
  </si>
  <si>
    <t>Stop_10_An_L_7</t>
  </si>
  <si>
    <t>&lt;0.74358</t>
  </si>
  <si>
    <t>&lt;0.25329</t>
  </si>
  <si>
    <t>2019_01_28c87.csv</t>
  </si>
  <si>
    <t>Stop_10_An_L_8</t>
  </si>
  <si>
    <t>2019_01_28c88.csv</t>
  </si>
  <si>
    <t>Stop_10_An_L_9</t>
  </si>
  <si>
    <t>&lt;0.40976</t>
  </si>
  <si>
    <t>2019_01_28c90.csv</t>
  </si>
  <si>
    <t>Stop_10_An_L_11</t>
  </si>
  <si>
    <t>&lt;0.40875</t>
  </si>
  <si>
    <t>2019_01_28c91.csv</t>
  </si>
  <si>
    <t>Stop_10_An_L_12</t>
  </si>
  <si>
    <t>&lt;0.57132</t>
  </si>
  <si>
    <t>&lt;26.5346</t>
  </si>
  <si>
    <t>&lt;0.18484</t>
  </si>
  <si>
    <t>2019_01_28c92.csv</t>
  </si>
  <si>
    <t>Stop_10_An_L_13</t>
  </si>
  <si>
    <t>&lt;0.49874</t>
  </si>
  <si>
    <t>&lt;22.9022</t>
  </si>
  <si>
    <t>2019_01_28c93.csv</t>
  </si>
  <si>
    <t>Stop_10_An_L_14</t>
  </si>
  <si>
    <t>&lt;0.16037</t>
  </si>
  <si>
    <t>2019_01_28c94.csv</t>
  </si>
  <si>
    <t>Stop_10_An_L_15</t>
  </si>
  <si>
    <t>&lt;0.49299</t>
  </si>
  <si>
    <t>2019_01_28c95.csv</t>
  </si>
  <si>
    <t>Stop_10_An_L_16</t>
  </si>
  <si>
    <t>&lt;23.2647</t>
  </si>
  <si>
    <t>&lt;0.17781</t>
  </si>
  <si>
    <t>2019_01_28c96.csv</t>
  </si>
  <si>
    <t>Stop_10_An_L_17</t>
  </si>
  <si>
    <t>&lt;0.14626</t>
  </si>
  <si>
    <t>2019_01_28c98.csv</t>
  </si>
  <si>
    <t>Stop_10_An_L_19</t>
  </si>
  <si>
    <t>&lt;0.45942</t>
  </si>
  <si>
    <t>&lt;20.6598</t>
  </si>
  <si>
    <t>&lt;0.13725</t>
  </si>
  <si>
    <t>2019_01_28c99.csv</t>
  </si>
  <si>
    <t>Stop_10_An_L_20</t>
  </si>
  <si>
    <t>&lt;0.57222</t>
  </si>
  <si>
    <t>&lt;27.347</t>
  </si>
  <si>
    <t>&lt;0.18814</t>
  </si>
  <si>
    <t>2019_01_28c100.csv</t>
  </si>
  <si>
    <t>Stop_10_An_L_21</t>
  </si>
  <si>
    <t>&lt;0.47905</t>
  </si>
  <si>
    <t>&lt;0.14724</t>
  </si>
  <si>
    <t>2019_01_28c101.csv</t>
  </si>
  <si>
    <t>Stop_10_An_L_22</t>
  </si>
  <si>
    <t>&lt;22.2545</t>
  </si>
  <si>
    <t>2019_01_28c102.csv</t>
  </si>
  <si>
    <t>Stop_10_An_L_23</t>
  </si>
  <si>
    <t>&lt;23.6162</t>
  </si>
  <si>
    <t>2019_01_28c103.csv</t>
  </si>
  <si>
    <t>Stop_10_An_L_24</t>
  </si>
  <si>
    <t>&lt;30.7346</t>
  </si>
  <si>
    <t>2019_01_28c104.csv</t>
  </si>
  <si>
    <t>Stop_10_An_L_25</t>
  </si>
  <si>
    <t>&lt;0.49171</t>
  </si>
  <si>
    <t>2019_01_28c121.csv</t>
  </si>
  <si>
    <t>493.7_Na_L_1</t>
  </si>
  <si>
    <t>&lt;23.8053</t>
  </si>
  <si>
    <t>&lt;0.12937</t>
  </si>
  <si>
    <t>2019_01_28c122.csv</t>
  </si>
  <si>
    <t>493.7_Na_L_2</t>
  </si>
  <si>
    <t>&lt;23.4534</t>
  </si>
  <si>
    <t>&lt;0.13536</t>
  </si>
  <si>
    <t>2019_01_28c123.csv</t>
  </si>
  <si>
    <t>493.7_Na_L_3</t>
  </si>
  <si>
    <t>&lt;0.62718</t>
  </si>
  <si>
    <t>&lt;30.41</t>
  </si>
  <si>
    <t>&lt;0.16498</t>
  </si>
  <si>
    <t>2019_01_28c124.csv</t>
  </si>
  <si>
    <t>493.7_Na_L_4</t>
  </si>
  <si>
    <t>&lt;0.52824</t>
  </si>
  <si>
    <t>&lt;25.2517</t>
  </si>
  <si>
    <t>&lt;0.1334</t>
  </si>
  <si>
    <t>2019_01_28c125.csv</t>
  </si>
  <si>
    <t>493.7_Na_L_5</t>
  </si>
  <si>
    <t>&lt;0.54724</t>
  </si>
  <si>
    <t>&lt;26.0585</t>
  </si>
  <si>
    <t>&lt;0.14011</t>
  </si>
  <si>
    <t>2019_01_28c109.csv</t>
  </si>
  <si>
    <t>715.6_An_L_1</t>
  </si>
  <si>
    <t>&lt;0.70558</t>
  </si>
  <si>
    <t>&lt;32.6735</t>
  </si>
  <si>
    <t>&lt;0.2333</t>
  </si>
  <si>
    <t>2019_01_28c110.csv</t>
  </si>
  <si>
    <t>715.6_An_L_2</t>
  </si>
  <si>
    <t>&lt;34.9598</t>
  </si>
  <si>
    <t>&lt;0.25994</t>
  </si>
  <si>
    <t>2019_01_28c111.csv</t>
  </si>
  <si>
    <t>715.6_An_L_3</t>
  </si>
  <si>
    <t>&lt;26.0207</t>
  </si>
  <si>
    <t>&lt;0.19817</t>
  </si>
  <si>
    <t>2019_01_28c112.csv</t>
  </si>
  <si>
    <t>715.6_An_L_4</t>
  </si>
  <si>
    <t>&lt;0.66156</t>
  </si>
  <si>
    <t>&lt;0.20835</t>
  </si>
  <si>
    <t>2019_01_28c113.csv</t>
  </si>
  <si>
    <t>715.6_An_L_5</t>
  </si>
  <si>
    <t>&lt;0.89854</t>
  </si>
  <si>
    <t>&lt;40.5706</t>
  </si>
  <si>
    <t>&lt;0.32761</t>
  </si>
  <si>
    <t>2019_01_28c114.csv</t>
  </si>
  <si>
    <t>715.6_An_L_6</t>
  </si>
  <si>
    <t>&lt;0.68927</t>
  </si>
  <si>
    <t>&lt;32.3117</t>
  </si>
  <si>
    <t>&lt;0.23434</t>
  </si>
  <si>
    <t>2019_01_28c115.csv</t>
  </si>
  <si>
    <t>715.6_An_L_7</t>
  </si>
  <si>
    <t>&lt;0.57178</t>
  </si>
  <si>
    <t>&lt;26.9227</t>
  </si>
  <si>
    <t>&lt;3.9142</t>
  </si>
  <si>
    <t>&lt;0.18918</t>
  </si>
  <si>
    <t>2019_01_28c116.csv</t>
  </si>
  <si>
    <t>715.6_An_L_8</t>
  </si>
  <si>
    <t>&lt;0.5975</t>
  </si>
  <si>
    <t>&lt;27.5201</t>
  </si>
  <si>
    <t>&lt;4.021</t>
  </si>
  <si>
    <t>&lt;0.20078</t>
  </si>
  <si>
    <t>2019_01_28c117.csv</t>
  </si>
  <si>
    <t>715.6_An_L_9</t>
  </si>
  <si>
    <t>&lt;0.54026</t>
  </si>
  <si>
    <t>&lt;0.18447</t>
  </si>
  <si>
    <t>2019_01_28c118.csv</t>
  </si>
  <si>
    <t>715.6_An_L_10</t>
  </si>
  <si>
    <t>&lt;0.68626</t>
  </si>
  <si>
    <t>&lt;32.0617</t>
  </si>
  <si>
    <t>2019_01_29a05.csv</t>
  </si>
  <si>
    <t>Stop_11_An_L_1</t>
  </si>
  <si>
    <t>&lt;0.69055</t>
  </si>
  <si>
    <t>&lt;35.7159</t>
  </si>
  <si>
    <t>&lt;0.25222</t>
  </si>
  <si>
    <t>2019_01_29a06.csv</t>
  </si>
  <si>
    <t>Stop_11_An_L_2</t>
  </si>
  <si>
    <t>&lt;0.94418</t>
  </si>
  <si>
    <t>&lt;46.6139</t>
  </si>
  <si>
    <t>&lt;7.5329</t>
  </si>
  <si>
    <t>&lt;0.33195</t>
  </si>
  <si>
    <t>2019_01_29a07.csv</t>
  </si>
  <si>
    <t>Stop_11_An_L_3</t>
  </si>
  <si>
    <t>&lt;0.57546</t>
  </si>
  <si>
    <t>&lt;4.7012</t>
  </si>
  <si>
    <t>&lt;0.2203</t>
  </si>
  <si>
    <t>2019_01_29a08.csv</t>
  </si>
  <si>
    <t>Stop_11_An_L_4</t>
  </si>
  <si>
    <t>&lt;0.24253</t>
  </si>
  <si>
    <t>2019_01_29a09.csv</t>
  </si>
  <si>
    <t>Stop_11_An_L_5</t>
  </si>
  <si>
    <t>&lt;0.83724</t>
  </si>
  <si>
    <t>2019_01_29a10.csv</t>
  </si>
  <si>
    <t>Stop_11_An_L_6</t>
  </si>
  <si>
    <t>&lt;0.6622</t>
  </si>
  <si>
    <t>&lt;0.25942</t>
  </si>
  <si>
    <t>2019_01_29a11.csv</t>
  </si>
  <si>
    <t>Stop_11_An_L_7</t>
  </si>
  <si>
    <t>&lt;0.75795</t>
  </si>
  <si>
    <t>&lt;6.3024</t>
  </si>
  <si>
    <t>&lt;0.27951</t>
  </si>
  <si>
    <t>2019_01_29a12.csv</t>
  </si>
  <si>
    <t>Stop_11_An_L_8</t>
  </si>
  <si>
    <t>&lt;0.76053</t>
  </si>
  <si>
    <t>&lt;0.28504</t>
  </si>
  <si>
    <t>2019_01_29a13.csv</t>
  </si>
  <si>
    <t>Stop_11_An_L_9</t>
  </si>
  <si>
    <t>&lt;0.74583</t>
  </si>
  <si>
    <t>&lt;0.29824</t>
  </si>
  <si>
    <t>2019_01_29a14.csv</t>
  </si>
  <si>
    <t>Stop_11_An_L_10</t>
  </si>
  <si>
    <t>&lt;0.73347</t>
  </si>
  <si>
    <t>&lt;6.154</t>
  </si>
  <si>
    <t>&lt;0.27595</t>
  </si>
  <si>
    <t>2019_01_29a15.csv</t>
  </si>
  <si>
    <t>Stop_11_An_L_11</t>
  </si>
  <si>
    <t>&lt;0.75406</t>
  </si>
  <si>
    <t>&lt;0.27565</t>
  </si>
  <si>
    <t>2019_01_29a16.csv</t>
  </si>
  <si>
    <t>Stop_11_An_L_12</t>
  </si>
  <si>
    <t>&lt;0.56392</t>
  </si>
  <si>
    <t>&lt;0.21274</t>
  </si>
  <si>
    <t>2019_01_29a17.csv</t>
  </si>
  <si>
    <t>Stop_11_An_L_13</t>
  </si>
  <si>
    <t>&lt;0.66456</t>
  </si>
  <si>
    <t>&lt;0.25345</t>
  </si>
  <si>
    <t>2019_01_29a19.csv</t>
  </si>
  <si>
    <t>Stop_11_An_L_15</t>
  </si>
  <si>
    <t>&lt;0.58679</t>
  </si>
  <si>
    <t>&lt;4.5751</t>
  </si>
  <si>
    <t>2019_01_29a20.csv</t>
  </si>
  <si>
    <t>Stop_11_An_L_16</t>
  </si>
  <si>
    <t>2019_01_29a21.csv</t>
  </si>
  <si>
    <t>Stop_11_An_L_17</t>
  </si>
  <si>
    <t>&lt;0.58375</t>
  </si>
  <si>
    <t>&lt;0.21515</t>
  </si>
  <si>
    <t>2019_01_29a22.csv</t>
  </si>
  <si>
    <t>Stop_11_An_L_18</t>
  </si>
  <si>
    <t>&lt;0.73799</t>
  </si>
  <si>
    <t>&lt;0.27624</t>
  </si>
  <si>
    <t>2019_01_29a23.csv</t>
  </si>
  <si>
    <t>Stop_11_An_L_19</t>
  </si>
  <si>
    <t>&lt;0.59395</t>
  </si>
  <si>
    <t>2019_01_29a24.csv</t>
  </si>
  <si>
    <t>Stop_11_An_L_20</t>
  </si>
  <si>
    <t>&lt;0.51324</t>
  </si>
  <si>
    <t>&lt;4.1142</t>
  </si>
  <si>
    <t>&lt;0.18681</t>
  </si>
  <si>
    <t>2019_01_29a29.csv</t>
  </si>
  <si>
    <t>Stop_11_An_L_21</t>
  </si>
  <si>
    <t>&lt;0.63547</t>
  </si>
  <si>
    <t>&lt;27.2675</t>
  </si>
  <si>
    <t>&lt;4.2063</t>
  </si>
  <si>
    <t>&lt;0.20838</t>
  </si>
  <si>
    <t>2019_01_29a30.csv</t>
  </si>
  <si>
    <t>Stop_11_An_L_22</t>
  </si>
  <si>
    <t>&lt;0.56344</t>
  </si>
  <si>
    <t>&lt;3.8449</t>
  </si>
  <si>
    <t>&lt;0.17507</t>
  </si>
  <si>
    <t>2019_01_29a31.csv</t>
  </si>
  <si>
    <t>Stop_11_An_L_23</t>
  </si>
  <si>
    <t>&lt;0.57728</t>
  </si>
  <si>
    <t>&lt;25.3399</t>
  </si>
  <si>
    <t>&lt;3.8107</t>
  </si>
  <si>
    <t>&lt;0.18333</t>
  </si>
  <si>
    <t>2019_01_29a32.csv</t>
  </si>
  <si>
    <t>Stop_11_An_L_24</t>
  </si>
  <si>
    <t>&lt;0.9127</t>
  </si>
  <si>
    <t>&lt;41.5714</t>
  </si>
  <si>
    <t>&lt;6.6196</t>
  </si>
  <si>
    <t>&lt;0.28803</t>
  </si>
  <si>
    <t>2019_01_29a33.csv</t>
  </si>
  <si>
    <t>Stop_11_An_L_25</t>
  </si>
  <si>
    <t>&lt;0.57193</t>
  </si>
  <si>
    <t>&lt;0.1893</t>
  </si>
  <si>
    <t>2019_01_29a36.csv</t>
  </si>
  <si>
    <t>Stop_11_An_L_28</t>
  </si>
  <si>
    <t>&lt;0.54084</t>
  </si>
  <si>
    <t>&lt;24.3375</t>
  </si>
  <si>
    <t>&lt;0.17565</t>
  </si>
  <si>
    <t>2019_01_29a37.csv</t>
  </si>
  <si>
    <t>Stop_11_An_L_29</t>
  </si>
  <si>
    <t>&lt;0.6418</t>
  </si>
  <si>
    <t>&lt;0.20941</t>
  </si>
  <si>
    <t>2019_01_29a38.csv</t>
  </si>
  <si>
    <t>Stop_11_An_L_30</t>
  </si>
  <si>
    <t>&lt;0.5351</t>
  </si>
  <si>
    <t>2019_01_29a39.csv</t>
  </si>
  <si>
    <t>Stop_11_An_L_31</t>
  </si>
  <si>
    <t>&lt;3.6701</t>
  </si>
  <si>
    <t>2019_01_29a40.csv</t>
  </si>
  <si>
    <t>Stop_11_An_L_32</t>
  </si>
  <si>
    <t>&lt;0.6711</t>
  </si>
  <si>
    <t>&lt;4.5641</t>
  </si>
  <si>
    <t>2019_01_29a42.csv</t>
  </si>
  <si>
    <t>Stop_11_An_L_34</t>
  </si>
  <si>
    <t>&lt;0.78907</t>
  </si>
  <si>
    <t>&lt;34.0229</t>
  </si>
  <si>
    <t>&lt;5.272</t>
  </si>
  <si>
    <t>&lt;0.25895</t>
  </si>
  <si>
    <t>2019_01_29a43.csv</t>
  </si>
  <si>
    <t>Stop_11_An_L_35</t>
  </si>
  <si>
    <t>&lt;0.62598</t>
  </si>
  <si>
    <t>&lt;4.0633</t>
  </si>
  <si>
    <t>&lt;0.20639</t>
  </si>
  <si>
    <t>2019_01_29a50.csv</t>
  </si>
  <si>
    <t>493.7_An_M_1</t>
  </si>
  <si>
    <t>2019_01_29a51.csv</t>
  </si>
  <si>
    <t>493.7_An_M_2</t>
  </si>
  <si>
    <t>&lt;0.2192</t>
  </si>
  <si>
    <t>2019_01_29a53.csv</t>
  </si>
  <si>
    <t>493.7_An_M_4</t>
  </si>
  <si>
    <t>2019_01_29a54.csv</t>
  </si>
  <si>
    <t>493.7_An_M_5</t>
  </si>
  <si>
    <t>&lt;0.84447</t>
  </si>
  <si>
    <t>&lt;0.30242</t>
  </si>
  <si>
    <t>2019_01_29a56.csv</t>
  </si>
  <si>
    <t>493.7_An_M_7</t>
  </si>
  <si>
    <t>&lt;0.62637</t>
  </si>
  <si>
    <t>&lt;0.2013</t>
  </si>
  <si>
    <t>2019_01_29a57.csv</t>
  </si>
  <si>
    <t>493.7_An_M_8</t>
  </si>
  <si>
    <t>&lt;0.56014</t>
  </si>
  <si>
    <t>&lt;4.2946</t>
  </si>
  <si>
    <t>&lt;0.1729</t>
  </si>
  <si>
    <t>2019_01_29a58.csv</t>
  </si>
  <si>
    <t>493.7_An_M_9</t>
  </si>
  <si>
    <t>&lt;0.62768</t>
  </si>
  <si>
    <t>&lt;0.22165</t>
  </si>
  <si>
    <t>2019_01_29a59.csv</t>
  </si>
  <si>
    <t>493.7_An_M_10</t>
  </si>
  <si>
    <t>2019_01_29a61.csv</t>
  </si>
  <si>
    <t>Stop_10_An_M_2</t>
  </si>
  <si>
    <t>&lt;0.19207</t>
  </si>
  <si>
    <t>2019_01_29a64.csv</t>
  </si>
  <si>
    <t>Stop_10_An_M_5</t>
  </si>
  <si>
    <t>&lt;0.66943</t>
  </si>
  <si>
    <t>&lt;5.5502</t>
  </si>
  <si>
    <t>&lt;0.24158</t>
  </si>
  <si>
    <t>2019_01_29a65.csv</t>
  </si>
  <si>
    <t>Stop_10_An_M_6</t>
  </si>
  <si>
    <t>2019_01_29a66.csv</t>
  </si>
  <si>
    <t>Stop_10_An_M_7</t>
  </si>
  <si>
    <t>&lt;0.83628</t>
  </si>
  <si>
    <t>&lt;7.1001</t>
  </si>
  <si>
    <t>&lt;0.29158</t>
  </si>
  <si>
    <t>2019_01_29a67.csv</t>
  </si>
  <si>
    <t>Stop_10_An_M_8</t>
  </si>
  <si>
    <t>&lt;0.8997</t>
  </si>
  <si>
    <t>&lt;7.4616</t>
  </si>
  <si>
    <t>&lt;0.31513</t>
  </si>
  <si>
    <t>2019_01_29a68.csv</t>
  </si>
  <si>
    <t>Stop_10_An_M_9</t>
  </si>
  <si>
    <t>&lt;0.64453</t>
  </si>
  <si>
    <t>&lt;0.23072</t>
  </si>
  <si>
    <t>2019_01_29a69.csv</t>
  </si>
  <si>
    <t>Stop_10_An_M_10</t>
  </si>
  <si>
    <t>&lt;0.55783</t>
  </si>
  <si>
    <t>2019_01_29a70.csv</t>
  </si>
  <si>
    <t>Stop_10_An_M_11</t>
  </si>
  <si>
    <t>&lt;0.79282</t>
  </si>
  <si>
    <t>&lt;0.30049</t>
  </si>
  <si>
    <t>2019_01_29a71.csv</t>
  </si>
  <si>
    <t>Stop_10_An_M_12</t>
  </si>
  <si>
    <t>&lt;0.96496</t>
  </si>
  <si>
    <t>&lt;0.33212</t>
  </si>
  <si>
    <t>2019_01_29a72.csv</t>
  </si>
  <si>
    <t>Stop_10_An_M_13</t>
  </si>
  <si>
    <t>&lt;0.20626</t>
  </si>
  <si>
    <t>2019_01_29a73.csv</t>
  </si>
  <si>
    <t>Stop_10_An_M_14</t>
  </si>
  <si>
    <t>&lt;0.53765</t>
  </si>
  <si>
    <t>&lt;0.18362</t>
  </si>
  <si>
    <t>2019_01_29a74.csv</t>
  </si>
  <si>
    <t>Stop_10_An_M_15</t>
  </si>
  <si>
    <t>&lt;0.55757</t>
  </si>
  <si>
    <t>&lt;0.18621</t>
  </si>
  <si>
    <t>2019_01_29a75.csv</t>
  </si>
  <si>
    <t>Stop_10_An_M_16</t>
  </si>
  <si>
    <t>2019_01_29a84.csv</t>
  </si>
  <si>
    <t>Stop_10_An_M_17</t>
  </si>
  <si>
    <t>&lt;0.62834</t>
  </si>
  <si>
    <t>&lt;0.19874</t>
  </si>
  <si>
    <t>2019_01_29a85.csv</t>
  </si>
  <si>
    <t>Stop_10_An_M_18</t>
  </si>
  <si>
    <t>&lt;0.60061</t>
  </si>
  <si>
    <t>&lt;0.17922</t>
  </si>
  <si>
    <t>2019_01_29a86.csv</t>
  </si>
  <si>
    <t>Stop_10_An_M_19</t>
  </si>
  <si>
    <t>&lt;0.65168</t>
  </si>
  <si>
    <t>&lt;4.9788</t>
  </si>
  <si>
    <t>&lt;0.22111</t>
  </si>
  <si>
    <t>2019_01_29a87.csv</t>
  </si>
  <si>
    <t>Stop_10_An_M_20</t>
  </si>
  <si>
    <t>&lt;0.54999</t>
  </si>
  <si>
    <t>&lt;4.3193</t>
  </si>
  <si>
    <t>2019_01_29a88.csv</t>
  </si>
  <si>
    <t>Stop_10_An_M_21</t>
  </si>
  <si>
    <t>&lt;0.52267</t>
  </si>
  <si>
    <t>&lt;4.1654</t>
  </si>
  <si>
    <t>&lt;0.16648</t>
  </si>
  <si>
    <t>2019_01_29a89.csv</t>
  </si>
  <si>
    <t>Stop_10_An_M_22</t>
  </si>
  <si>
    <t>&lt;0.63262</t>
  </si>
  <si>
    <t>2019_01_29a90.csv</t>
  </si>
  <si>
    <t>Stop_10_An_M_23</t>
  </si>
  <si>
    <t>&lt;0.21925</t>
  </si>
  <si>
    <t>2019_01_29a91.csv</t>
  </si>
  <si>
    <t>Stop_10_An_M_24</t>
  </si>
  <si>
    <t>&lt;0.56074</t>
  </si>
  <si>
    <t>&lt;4.4404</t>
  </si>
  <si>
    <t>&lt;0.18823</t>
  </si>
  <si>
    <t>2019_01_29a92.csv</t>
  </si>
  <si>
    <t>Stop_10_An_M_25</t>
  </si>
  <si>
    <t>&lt;0.56323</t>
  </si>
  <si>
    <t>&lt;4.5255</t>
  </si>
  <si>
    <t>2019_01_29a93.csv</t>
  </si>
  <si>
    <t>Stop_10_An_M_26</t>
  </si>
  <si>
    <t>&lt;0.55309</t>
  </si>
  <si>
    <t>&lt;4.4763</t>
  </si>
  <si>
    <t>&lt;0.18175</t>
  </si>
  <si>
    <t>2019_01_29a95.csv</t>
  </si>
  <si>
    <t>Stop_10_An_M_28</t>
  </si>
  <si>
    <t>&lt;0.626</t>
  </si>
  <si>
    <t>&lt;4.9842</t>
  </si>
  <si>
    <t>&lt;0.19383</t>
  </si>
  <si>
    <t>2019_01_29a96.csv</t>
  </si>
  <si>
    <t>Stop_11_An_M_1</t>
  </si>
  <si>
    <t>&lt;0.17975</t>
  </si>
  <si>
    <t>2019_01_29a97.csv</t>
  </si>
  <si>
    <t>Stop_11_An_M_2</t>
  </si>
  <si>
    <t>&lt;0.59519</t>
  </si>
  <si>
    <t>&lt;0.19433</t>
  </si>
  <si>
    <t>2019_01_29a98.csv</t>
  </si>
  <si>
    <t>Stop_11_An_M_3</t>
  </si>
  <si>
    <t>&lt;0.68507</t>
  </si>
  <si>
    <t>&lt;0.21905</t>
  </si>
  <si>
    <t>2019_01_29a99.csv</t>
  </si>
  <si>
    <t>Stop_11_An_M_4</t>
  </si>
  <si>
    <t>&lt;0.63124</t>
  </si>
  <si>
    <t>&lt;0.2251</t>
  </si>
  <si>
    <t>2019_01_29a100.csv</t>
  </si>
  <si>
    <t>Stop_11_An_M_5</t>
  </si>
  <si>
    <t>&lt;0.79394</t>
  </si>
  <si>
    <t>&lt;0.26681</t>
  </si>
  <si>
    <t>2019_01_29a101.csv</t>
  </si>
  <si>
    <t>Stop_11_An_M_6</t>
  </si>
  <si>
    <t>&lt;1.1116</t>
  </si>
  <si>
    <t>&lt;0.40756</t>
  </si>
  <si>
    <t>2019_01_29a102.csv</t>
  </si>
  <si>
    <t>Stop_11_An_M_7</t>
  </si>
  <si>
    <t>&lt;0.5816</t>
  </si>
  <si>
    <t>&lt;0.18926</t>
  </si>
  <si>
    <t>2019_01_29a103.csv</t>
  </si>
  <si>
    <t>Stop_11_An_M_8</t>
  </si>
  <si>
    <t>&lt;6.8064</t>
  </si>
  <si>
    <t>&lt;0.29743</t>
  </si>
  <si>
    <t>2019_01_29a108.csv</t>
  </si>
  <si>
    <t>Stop_11_An_M_9</t>
  </si>
  <si>
    <t>&lt;0.63392</t>
  </si>
  <si>
    <t>&lt;0.17568</t>
  </si>
  <si>
    <t>2019_01_29a109.csv</t>
  </si>
  <si>
    <t>Stop_11_An_M_10</t>
  </si>
  <si>
    <t>&lt;0.64747</t>
  </si>
  <si>
    <t>&lt;0.19985</t>
  </si>
  <si>
    <t>2019_01_29a110.csv</t>
  </si>
  <si>
    <t>Stop_11_An_M_11</t>
  </si>
  <si>
    <t>&lt;0.16405</t>
  </si>
  <si>
    <t>2019_01_29a111.csv</t>
  </si>
  <si>
    <t>Stop_11_An_M_12</t>
  </si>
  <si>
    <t>&lt;0.53367</t>
  </si>
  <si>
    <t>&lt;0.15719</t>
  </si>
  <si>
    <t>2019_01_29a112.csv</t>
  </si>
  <si>
    <t>Stop_11_An_M_13</t>
  </si>
  <si>
    <t>&lt;0.69432</t>
  </si>
  <si>
    <t>2019_01_29a113.csv</t>
  </si>
  <si>
    <t>Stop_11_An_M_14</t>
  </si>
  <si>
    <t>&lt;0.6844</t>
  </si>
  <si>
    <t>2019_01_29a114.csv</t>
  </si>
  <si>
    <t>Stop_11_An_M_15</t>
  </si>
  <si>
    <t>&lt;0.5763</t>
  </si>
  <si>
    <t>&lt;0.16642</t>
  </si>
  <si>
    <t>2019_01_29a115.csv</t>
  </si>
  <si>
    <t>Stop_11_An_M_16</t>
  </si>
  <si>
    <t>&lt;0.57915</t>
  </si>
  <si>
    <t>2019_01_29a116.csv</t>
  </si>
  <si>
    <t>Stop_11_An_M_17</t>
  </si>
  <si>
    <t>&lt;0.67149</t>
  </si>
  <si>
    <t>&lt;0.18983</t>
  </si>
  <si>
    <t>2019_01_29a117.csv</t>
  </si>
  <si>
    <t>Stop_11_An_M_18</t>
  </si>
  <si>
    <t>&lt;0.57537</t>
  </si>
  <si>
    <t>&lt;4.4355</t>
  </si>
  <si>
    <t>&lt;0.1799</t>
  </si>
  <si>
    <t>2019_01_29a118.csv</t>
  </si>
  <si>
    <t>Stop_11_An_M_19</t>
  </si>
  <si>
    <t>&lt;0.63792</t>
  </si>
  <si>
    <t>&lt;4.8524</t>
  </si>
  <si>
    <t>2019_01_29a119.csv</t>
  </si>
  <si>
    <t>Stop_11_An_M_20</t>
  </si>
  <si>
    <t>&lt;0.69041</t>
  </si>
  <si>
    <t>&lt;5.5192</t>
  </si>
  <si>
    <t>&lt;0.23716</t>
  </si>
  <si>
    <t>2019_01_29a120.csv</t>
  </si>
  <si>
    <t>Stop_11_An_M_21</t>
  </si>
  <si>
    <t>&lt;0.73754</t>
  </si>
  <si>
    <t>2019_01_29a121.csv</t>
  </si>
  <si>
    <t>Stop_11_An_M_22</t>
  </si>
  <si>
    <t>&lt;0.18334</t>
  </si>
  <si>
    <t>2019_01_29a122.csv</t>
  </si>
  <si>
    <t>Stop_11_An_M_23</t>
  </si>
  <si>
    <t>&lt;0.59987</t>
  </si>
  <si>
    <t>&lt;0.1718</t>
  </si>
  <si>
    <t>2019_01_29a123.csv</t>
  </si>
  <si>
    <t>Stop_11_An_M_24</t>
  </si>
  <si>
    <t>&lt;0.94446</t>
  </si>
  <si>
    <t>&lt;0.28521</t>
  </si>
  <si>
    <t>2019_01_29a124.csv</t>
  </si>
  <si>
    <t>Stop_11_An_M_25</t>
  </si>
  <si>
    <t>&lt;0.61096</t>
  </si>
  <si>
    <t>&lt;4.7114</t>
  </si>
  <si>
    <t>2019_01_29a125.csv</t>
  </si>
  <si>
    <t>715.6_An_M_1</t>
  </si>
  <si>
    <t>&lt;0.55391</t>
  </si>
  <si>
    <t>&lt;0.16699</t>
  </si>
  <si>
    <t>2019_01_29a126.csv</t>
  </si>
  <si>
    <t>715.6_An_M_2</t>
  </si>
  <si>
    <t>&lt;0.59812</t>
  </si>
  <si>
    <t>2019_01_29a127.csv</t>
  </si>
  <si>
    <t>715.6_An_M_3</t>
  </si>
  <si>
    <t>&lt;0.58805</t>
  </si>
  <si>
    <t>&lt;0.1817</t>
  </si>
  <si>
    <t>2019_01_29a128.csv</t>
  </si>
  <si>
    <t>715.6_An_M_4</t>
  </si>
  <si>
    <t>&lt;0.61127</t>
  </si>
  <si>
    <t>&lt;4.641</t>
  </si>
  <si>
    <t>&lt;0.18544</t>
  </si>
  <si>
    <t>2019_01_29a129.csv</t>
  </si>
  <si>
    <t>715.6_An_M_5</t>
  </si>
  <si>
    <t>&lt;0.60907</t>
  </si>
  <si>
    <t>&lt;0.16592</t>
  </si>
  <si>
    <t>2019_01_29a131.csv</t>
  </si>
  <si>
    <t>715.6_An_M_7</t>
  </si>
  <si>
    <t>&lt;0.57106</t>
  </si>
  <si>
    <t>&lt;4.6233</t>
  </si>
  <si>
    <t>&lt;0.189</t>
  </si>
  <si>
    <t>2019_01_29a132.csv</t>
  </si>
  <si>
    <t>715.6_An_M_8</t>
  </si>
  <si>
    <t>&lt;0.21313</t>
  </si>
  <si>
    <t>2019_01_29a133.csv</t>
  </si>
  <si>
    <t>715.6_An_M_9</t>
  </si>
  <si>
    <t>&lt;4.345</t>
  </si>
  <si>
    <t>&lt;0.17761</t>
  </si>
  <si>
    <t>2019_01_29a134.csv</t>
  </si>
  <si>
    <t>715.6_An_M_10</t>
  </si>
  <si>
    <t>&lt;0.76046</t>
  </si>
  <si>
    <t>&lt;5.4683</t>
  </si>
  <si>
    <t>&lt;0.23048</t>
  </si>
  <si>
    <t>2019_01_29a140.csv</t>
  </si>
  <si>
    <t>715.6_An_M_12</t>
  </si>
  <si>
    <t>&lt;1.0326</t>
  </si>
  <si>
    <t>&lt;0.2936</t>
  </si>
  <si>
    <t>2019_01_29a141.csv</t>
  </si>
  <si>
    <t>715.6_An_M_13</t>
  </si>
  <si>
    <t>&lt;0.98072</t>
  </si>
  <si>
    <t>&lt;0.30395</t>
  </si>
  <si>
    <t>2019_01_29a142.csv</t>
  </si>
  <si>
    <t>715.6_An_M_14</t>
  </si>
  <si>
    <t>&lt;0.61543</t>
  </si>
  <si>
    <t>2019_01_29a143.csv</t>
  </si>
  <si>
    <t>715.6_An_M_15</t>
  </si>
  <si>
    <t>2019_01_29a144.csv</t>
  </si>
  <si>
    <t>715.6_An_M_16</t>
  </si>
  <si>
    <t>2019_01_29a145.csv</t>
  </si>
  <si>
    <t>715.6_An_M_17</t>
  </si>
  <si>
    <t>&lt;0.62617</t>
  </si>
  <si>
    <t>&lt;0.17839</t>
  </si>
  <si>
    <t>2019_01_29a146.csv</t>
  </si>
  <si>
    <t>715.6_An_M_18</t>
  </si>
  <si>
    <t>&lt;0.55677</t>
  </si>
  <si>
    <t>&lt;3.9837</t>
  </si>
  <si>
    <t>&lt;0.17444</t>
  </si>
  <si>
    <t>2019_01_29a147.csv</t>
  </si>
  <si>
    <t>715.6_An_M_19</t>
  </si>
  <si>
    <t>&lt;0.57055</t>
  </si>
  <si>
    <t>&lt;4.0716</t>
  </si>
  <si>
    <t>&lt;0.15254</t>
  </si>
  <si>
    <t>2019_01_29a148.csv</t>
  </si>
  <si>
    <t>715.6_An_M_20</t>
  </si>
  <si>
    <t>&lt;4.2717</t>
  </si>
  <si>
    <t>2019_01_29a149.csv</t>
  </si>
  <si>
    <t>715.6_An_M_21</t>
  </si>
  <si>
    <t>&lt;0.55903</t>
  </si>
  <si>
    <t>&lt;4.1714</t>
  </si>
  <si>
    <t>&lt;0.16832</t>
  </si>
  <si>
    <t>2019_01_29a150.csv</t>
  </si>
  <si>
    <t>715.6_An_M_22</t>
  </si>
  <si>
    <t>&lt;6.5065</t>
  </si>
  <si>
    <t>&lt;0.28436</t>
  </si>
  <si>
    <t>2019_01_29a151.csv</t>
  </si>
  <si>
    <t>715.6_An_M_23</t>
  </si>
  <si>
    <t>&lt;0.65937</t>
  </si>
  <si>
    <t>&lt;4.9614</t>
  </si>
  <si>
    <t>&lt;0.19356</t>
  </si>
  <si>
    <t>2019_01_29a152.csv</t>
  </si>
  <si>
    <t>715.6_An_M_24</t>
  </si>
  <si>
    <t>&lt;0.60095</t>
  </si>
  <si>
    <t>&lt;4.2727</t>
  </si>
  <si>
    <t>&lt;0.17063</t>
  </si>
  <si>
    <t>2019_01_29a153.csv</t>
  </si>
  <si>
    <t>715.6_An_M_25</t>
  </si>
  <si>
    <t>&lt;0.58376</t>
  </si>
  <si>
    <t>&lt;4.2952</t>
  </si>
  <si>
    <t>2019_01_29a154.csv</t>
  </si>
  <si>
    <t>715.6_An_M_26</t>
  </si>
  <si>
    <t>&lt;0.16462</t>
  </si>
  <si>
    <t>2019_01_29a155.csv</t>
  </si>
  <si>
    <t>715.6_An_M_27</t>
  </si>
  <si>
    <t>&lt;0.19228</t>
  </si>
  <si>
    <t>2019_01_29a156.csv</t>
  </si>
  <si>
    <t>715.6_An_M_28</t>
  </si>
  <si>
    <t>&lt;5.1344</t>
  </si>
  <si>
    <t>&lt;0.18502</t>
  </si>
  <si>
    <t>2019_01_29a158.csv</t>
  </si>
  <si>
    <t>715.6_An_M_30</t>
  </si>
  <si>
    <t>&lt;0.66654</t>
  </si>
  <si>
    <t>&lt;4.8059</t>
  </si>
  <si>
    <t>2019_01_29a163.csv</t>
  </si>
  <si>
    <t>715.6_An_M_31</t>
  </si>
  <si>
    <t>&lt;0.72693</t>
  </si>
  <si>
    <t>2019_01_29a164.csv</t>
  </si>
  <si>
    <t>715.6_An_M_32</t>
  </si>
  <si>
    <t>&lt;0.66011</t>
  </si>
  <si>
    <t>2019_01_29a165.csv</t>
  </si>
  <si>
    <t>715.6_An_M_33</t>
  </si>
  <si>
    <t>2019_01_29a166.csv</t>
  </si>
  <si>
    <t>715.6_An_M_34</t>
  </si>
  <si>
    <t>&lt;0.20546</t>
  </si>
  <si>
    <t>2019_01_29a167.csv</t>
  </si>
  <si>
    <t>715.6_An_M_35</t>
  </si>
  <si>
    <t>&lt;0.19665</t>
  </si>
  <si>
    <t>2019_01_29a168.csv</t>
  </si>
  <si>
    <t>715.6_An_M_36</t>
  </si>
  <si>
    <t>&lt;0.64853</t>
  </si>
  <si>
    <t>&lt;4.3187</t>
  </si>
  <si>
    <t>&lt;0.16729</t>
  </si>
  <si>
    <t>2019_01_29a169.csv</t>
  </si>
  <si>
    <t>715.6_An_M_37</t>
  </si>
  <si>
    <t>&lt;0.18363</t>
  </si>
  <si>
    <t>2019_01_29a170.csv</t>
  </si>
  <si>
    <t>715.6_An_M_38</t>
  </si>
  <si>
    <t>&lt;0.66223</t>
  </si>
  <si>
    <t>&lt;4.1054</t>
  </si>
  <si>
    <t>&lt;0.16794</t>
  </si>
  <si>
    <t>2019_01_29a171.csv</t>
  </si>
  <si>
    <t>715.6_An_M_39</t>
  </si>
  <si>
    <t>&lt;0.59013</t>
  </si>
  <si>
    <t>&lt;4.0105</t>
  </si>
  <si>
    <t>&lt;0.14968</t>
  </si>
  <si>
    <t>2019_01_29a172.csv</t>
  </si>
  <si>
    <t>715.6_An_M_40</t>
  </si>
  <si>
    <t>&lt;0.57843</t>
  </si>
  <si>
    <t>&lt;0.15948</t>
  </si>
  <si>
    <t>2019_01_30c05.csv</t>
  </si>
  <si>
    <t>715.6_An_Sm_1</t>
  </si>
  <si>
    <t>&lt;0.5036</t>
  </si>
  <si>
    <t>&lt;19.1951</t>
  </si>
  <si>
    <t>&lt;0.13112</t>
  </si>
  <si>
    <t>2019_01_30c06.csv</t>
  </si>
  <si>
    <t>715.6_An_Sm_2</t>
  </si>
  <si>
    <t>&lt;20.9657</t>
  </si>
  <si>
    <t>&lt;0.15143</t>
  </si>
  <si>
    <t>2019_01_30c07.csv</t>
  </si>
  <si>
    <t>715.6_An_Sm_3</t>
  </si>
  <si>
    <t>&lt;0.51815</t>
  </si>
  <si>
    <t>&lt;0.14193</t>
  </si>
  <si>
    <t>2019_01_30c08.csv</t>
  </si>
  <si>
    <t>715.6_An_Sm_4</t>
  </si>
  <si>
    <t>&lt;0.47283</t>
  </si>
  <si>
    <t>&lt;2.8731</t>
  </si>
  <si>
    <t>&lt;0.1411</t>
  </si>
  <si>
    <t>2019_01_30c09.csv</t>
  </si>
  <si>
    <t>715.6_An_Sm_5</t>
  </si>
  <si>
    <t>&lt;0.52622</t>
  </si>
  <si>
    <t>&lt;3.2831</t>
  </si>
  <si>
    <t>&lt;0.15006</t>
  </si>
  <si>
    <t>2019_01_30c10.csv</t>
  </si>
  <si>
    <t>715.6_An_Sm_6</t>
  </si>
  <si>
    <t>2019_01_30c11.csv</t>
  </si>
  <si>
    <t>715.6_An_Sm_7</t>
  </si>
  <si>
    <t>&lt;0.64024</t>
  </si>
  <si>
    <t>&lt;25.1996</t>
  </si>
  <si>
    <t>&lt;3.9368</t>
  </si>
  <si>
    <t>&lt;0.19112</t>
  </si>
  <si>
    <t>2019_01_30c12.csv</t>
  </si>
  <si>
    <t>715.6_An_Sm_8</t>
  </si>
  <si>
    <t>2019_01_30c13.csv</t>
  </si>
  <si>
    <t>715.6_An_Sm_9</t>
  </si>
  <si>
    <t>&lt;0.54284</t>
  </si>
  <si>
    <t>&lt;21.772</t>
  </si>
  <si>
    <t>&lt;3.3657</t>
  </si>
  <si>
    <t>2019_01_30c14.csv</t>
  </si>
  <si>
    <t>715.6_An_Sm_10</t>
  </si>
  <si>
    <t>&lt;0.15424</t>
  </si>
  <si>
    <t>2019_01_30c15.csv</t>
  </si>
  <si>
    <t>715.6_An_Sm_11</t>
  </si>
  <si>
    <t>&lt;0.59186</t>
  </si>
  <si>
    <t>&lt;3.4826</t>
  </si>
  <si>
    <t>&lt;0.14535</t>
  </si>
  <si>
    <t>2019_01_30c16.csv</t>
  </si>
  <si>
    <t>715.6_An_Sm_12</t>
  </si>
  <si>
    <t>&lt;0.6095</t>
  </si>
  <si>
    <t>&lt;24.1021</t>
  </si>
  <si>
    <t>2019_01_30c17.csv</t>
  </si>
  <si>
    <t>715.6_An_Sm_13</t>
  </si>
  <si>
    <t>&lt;21.0857</t>
  </si>
  <si>
    <t>&lt;0.161</t>
  </si>
  <si>
    <t>2019_01_30c18.csv</t>
  </si>
  <si>
    <t>715.6_An_Sm_14</t>
  </si>
  <si>
    <t>&lt;0.15292</t>
  </si>
  <si>
    <t>2019_01_30c19.csv</t>
  </si>
  <si>
    <t>715.6_An_Sm_15</t>
  </si>
  <si>
    <t>&lt;0.15168</t>
  </si>
  <si>
    <t>2019_01_30c20.csv</t>
  </si>
  <si>
    <t>715.6_An_Sm_16</t>
  </si>
  <si>
    <t>2019_01_30c21.csv</t>
  </si>
  <si>
    <t>715.6_An_Sm_17</t>
  </si>
  <si>
    <t>&lt;0.52289</t>
  </si>
  <si>
    <t>&lt;21.0738</t>
  </si>
  <si>
    <t>&lt;2.8863</t>
  </si>
  <si>
    <t>2019_01_30c22.csv</t>
  </si>
  <si>
    <t>715.6_An_Sm_18</t>
  </si>
  <si>
    <t>&lt;0.52181</t>
  </si>
  <si>
    <t>&lt;20.9117</t>
  </si>
  <si>
    <t>2019_01_30c23.csv</t>
  </si>
  <si>
    <t>715.6_An_Sm_19</t>
  </si>
  <si>
    <t>&lt;0.60659</t>
  </si>
  <si>
    <t>&lt;3.2742</t>
  </si>
  <si>
    <t>&lt;0.16551</t>
  </si>
  <si>
    <t>2019_01_30c24.csv</t>
  </si>
  <si>
    <t>715.6_An_Sm_20</t>
  </si>
  <si>
    <t>&lt;0.57744</t>
  </si>
  <si>
    <t>&lt;0.15466</t>
  </si>
  <si>
    <t>2019_01_30c25.csv</t>
  </si>
  <si>
    <t>715.6_An_Sm_21</t>
  </si>
  <si>
    <t>&lt;0.6118</t>
  </si>
  <si>
    <t>&lt;23.0474</t>
  </si>
  <si>
    <t>2019_01_30c26.csv</t>
  </si>
  <si>
    <t>715.6_An_Sm_22</t>
  </si>
  <si>
    <t>&lt;0.55325</t>
  </si>
  <si>
    <t>&lt;21.0159</t>
  </si>
  <si>
    <t>&lt;0.12585</t>
  </si>
  <si>
    <t>2019_01_30c27.csv</t>
  </si>
  <si>
    <t>715.6_An_Sm_23</t>
  </si>
  <si>
    <t>&lt;0.14365</t>
  </si>
  <si>
    <t>2019_01_30c36.csv</t>
  </si>
  <si>
    <t>1444.5_An_Xs_1</t>
  </si>
  <si>
    <t>&lt;1.1194</t>
  </si>
  <si>
    <t>&lt;0.29451</t>
  </si>
  <si>
    <t>2019_01_30c37.csv</t>
  </si>
  <si>
    <t>1444.5_An_Xs_2</t>
  </si>
  <si>
    <t>2019_01_30c38.csv</t>
  </si>
  <si>
    <t>1444.5_An_Xs_3</t>
  </si>
  <si>
    <t>2019_01_30c39.csv</t>
  </si>
  <si>
    <t>2019_01_30c40.csv</t>
  </si>
  <si>
    <t>1444.5_An_Xs_5</t>
  </si>
  <si>
    <t>2019_01_30c41.csv</t>
  </si>
  <si>
    <t>1444.5_An_Xs_6</t>
  </si>
  <si>
    <t>2019_01_30c42.csv</t>
  </si>
  <si>
    <t>1444.5_An_Xs_7</t>
  </si>
  <si>
    <t>2019_01_30c43.csv</t>
  </si>
  <si>
    <t>1444.5_An_Xs_8</t>
  </si>
  <si>
    <t>2019_01_30c46.csv</t>
  </si>
  <si>
    <t>1444.5_An_Xs_11</t>
  </si>
  <si>
    <t>2019_01_30c49.csv</t>
  </si>
  <si>
    <t>1444.5_An_Xs_14</t>
  </si>
  <si>
    <t>2019_01_30c50.csv</t>
  </si>
  <si>
    <t>1444.5_An_Xs_15</t>
  </si>
  <si>
    <t>2019_01_30c51.csv</t>
  </si>
  <si>
    <t>1444.5_An_Xs_16</t>
  </si>
  <si>
    <t>2019_01_30c56.csv</t>
  </si>
  <si>
    <t>1323_An_XS_1</t>
  </si>
  <si>
    <t>&lt;1.0842</t>
  </si>
  <si>
    <t>&lt;38.6858</t>
  </si>
  <si>
    <t>&lt;0.26493</t>
  </si>
  <si>
    <t>2019_01_30c57.csv</t>
  </si>
  <si>
    <t>1323_An_XS_2</t>
  </si>
  <si>
    <t>&lt;1.0017</t>
  </si>
  <si>
    <t>&lt;0.26932</t>
  </si>
  <si>
    <t>2019_01_30c58.csv</t>
  </si>
  <si>
    <t>1323_An_XS_3</t>
  </si>
  <si>
    <t>&lt;0.31166</t>
  </si>
  <si>
    <t>2019_01_30c61.csv</t>
  </si>
  <si>
    <t>1323_An_XS_6</t>
  </si>
  <si>
    <t>&lt;0.21098</t>
  </si>
  <si>
    <t>2019_01_30c62.csv</t>
  </si>
  <si>
    <t>1323_An_XS_7</t>
  </si>
  <si>
    <t>&lt;1.0774</t>
  </si>
  <si>
    <t>&lt;0.28658</t>
  </si>
  <si>
    <t>2019_01_30c63.csv</t>
  </si>
  <si>
    <t>1323_An_XS_8</t>
  </si>
  <si>
    <t>&lt;0.87633</t>
  </si>
  <si>
    <t>&lt;0.22099</t>
  </si>
  <si>
    <t>2019_01_30c64.csv</t>
  </si>
  <si>
    <t>1323_An_XS_9</t>
  </si>
  <si>
    <t>&lt;0.85285</t>
  </si>
  <si>
    <t>&lt;0.23965</t>
  </si>
  <si>
    <t>2019_01_30c65.csv</t>
  </si>
  <si>
    <t>1323_An_XS_10</t>
  </si>
  <si>
    <t>&lt;0.81158</t>
  </si>
  <si>
    <t>&lt;0.17593</t>
  </si>
  <si>
    <t>2019_01_30c67.csv</t>
  </si>
  <si>
    <t>1323_An_XS_12</t>
  </si>
  <si>
    <t>&lt;0.79534</t>
  </si>
  <si>
    <t>&lt;0.21033</t>
  </si>
  <si>
    <t>2019_01_30c69.csv</t>
  </si>
  <si>
    <t>1323_An_XS_14</t>
  </si>
  <si>
    <t>&lt;1.1649</t>
  </si>
  <si>
    <t>&lt;0.30268</t>
  </si>
  <si>
    <t>2019_01_30c75.csv</t>
  </si>
  <si>
    <t>1444.5_Na_Xs_1</t>
  </si>
  <si>
    <t>2019_01_30c76.csv</t>
  </si>
  <si>
    <t>1444.5_Na_Xs_2</t>
  </si>
  <si>
    <t>2019_01_30c78.csv</t>
  </si>
  <si>
    <t>1444.5_Na_Xs_4</t>
  </si>
  <si>
    <t>2019_01_30c79.csv</t>
  </si>
  <si>
    <t>1444.5_Na_Xs_5</t>
  </si>
  <si>
    <t>2019_01_30c80.csv</t>
  </si>
  <si>
    <t>1444.5_Na_Xs_6</t>
  </si>
  <si>
    <t>2019_01_30c81.csv</t>
  </si>
  <si>
    <t>1444.5_Na_Xs_7</t>
  </si>
  <si>
    <t>2019_01_30c82.csv</t>
  </si>
  <si>
    <t>1444.5_Na_Xs_8</t>
  </si>
  <si>
    <t>2019_01_30c84.csv</t>
  </si>
  <si>
    <t>1444.5_Na_Xs_10</t>
  </si>
  <si>
    <t>2019_01_30c88.csv</t>
  </si>
  <si>
    <t>1323_Na_Xs_3</t>
  </si>
  <si>
    <t>2019_01_30c89.csv</t>
  </si>
  <si>
    <t>1323_Na_Xs_4</t>
  </si>
  <si>
    <t>2019_01_30c90.csv</t>
  </si>
  <si>
    <t>1323_Na_Xs_5</t>
  </si>
  <si>
    <t>2019_01_30c91.csv</t>
  </si>
  <si>
    <t>1323_Na_Xs_6</t>
  </si>
  <si>
    <t>&lt;0.70143</t>
  </si>
  <si>
    <t>&lt;27.0287</t>
  </si>
  <si>
    <t>&lt;0.1532</t>
  </si>
  <si>
    <t>2019_01_30c92.csv</t>
  </si>
  <si>
    <t>1323_Na_Xs_7</t>
  </si>
  <si>
    <t>2019_01_30c93.csv</t>
  </si>
  <si>
    <t>1323_Na_Xs_8</t>
  </si>
  <si>
    <t>2019_01_30c94.csv</t>
  </si>
  <si>
    <t>1323_Na_Xs_9</t>
  </si>
  <si>
    <t>&lt;26.0907</t>
  </si>
  <si>
    <t>2019_01_30c95.csv</t>
  </si>
  <si>
    <t>1323_Na_Xs_10</t>
  </si>
  <si>
    <t>2019_01_30c97.csv</t>
  </si>
  <si>
    <t>1323_Na_Xs_12</t>
  </si>
  <si>
    <t>&lt;1.0389</t>
  </si>
  <si>
    <t>&lt;39.2167</t>
  </si>
  <si>
    <t>&lt;0.23172</t>
  </si>
  <si>
    <t>Core</t>
  </si>
  <si>
    <t>Rim</t>
  </si>
  <si>
    <t>Grain</t>
  </si>
  <si>
    <t>Location</t>
  </si>
  <si>
    <t>1444.5_An_Xs_4</t>
  </si>
  <si>
    <t>&lt;1.0559</t>
  </si>
  <si>
    <t>&lt;41.0651</t>
  </si>
  <si>
    <t>&lt;0.29557</t>
  </si>
  <si>
    <t>&lt;61.7824</t>
  </si>
  <si>
    <t>&lt;0.44723</t>
  </si>
  <si>
    <t>&lt;0.99215</t>
  </si>
  <si>
    <t>&lt;0.26797</t>
  </si>
  <si>
    <t>&lt;1.4277</t>
  </si>
  <si>
    <t>&lt;0.43042</t>
  </si>
  <si>
    <t>&lt;1.5832</t>
  </si>
  <si>
    <t>&lt;60.2996</t>
  </si>
  <si>
    <t>&lt;0.43226</t>
  </si>
  <si>
    <t>&lt;39.729</t>
  </si>
  <si>
    <t>&lt;41.9593</t>
  </si>
  <si>
    <t>&lt;0.29993</t>
  </si>
  <si>
    <t>&lt;0.89273</t>
  </si>
  <si>
    <t>&lt;0.24038</t>
  </si>
  <si>
    <t>&lt;1.017</t>
  </si>
  <si>
    <t>&lt;37.9163</t>
  </si>
  <si>
    <t>&lt;0.27396</t>
  </si>
  <si>
    <t>&lt;1.0718</t>
  </si>
  <si>
    <t>&lt;40.0686</t>
  </si>
  <si>
    <t>&lt;0.2687</t>
  </si>
  <si>
    <t>&lt;1.147</t>
  </si>
  <si>
    <t>&lt;43.6042</t>
  </si>
  <si>
    <t>&lt;0.29989</t>
  </si>
  <si>
    <t>&lt;1.2455</t>
  </si>
  <si>
    <t>&lt;47.3668</t>
  </si>
  <si>
    <t>&lt;0.26237</t>
  </si>
  <si>
    <t>&lt;49.7283</t>
  </si>
  <si>
    <t>&lt;0.29047</t>
  </si>
  <si>
    <t>&lt;0.82658</t>
  </si>
  <si>
    <t>&lt;0.19745</t>
  </si>
  <si>
    <t>&lt;1.0109</t>
  </si>
  <si>
    <t>&lt;38.1248</t>
  </si>
  <si>
    <t>&lt;0.21586</t>
  </si>
  <si>
    <t>&lt;0.0050756</t>
  </si>
  <si>
    <t>&lt;0.90547</t>
  </si>
  <si>
    <t>&lt;34.1592</t>
  </si>
  <si>
    <t>&lt;0.20811</t>
  </si>
  <si>
    <t>&lt;1.3474</t>
  </si>
  <si>
    <t>&lt;51.0882</t>
  </si>
  <si>
    <t>&lt;0.30341</t>
  </si>
  <si>
    <t>&lt;1.1281</t>
  </si>
  <si>
    <t>&lt;42.0051</t>
  </si>
  <si>
    <t>&lt;0.22842</t>
  </si>
  <si>
    <t>&lt;1.0976</t>
  </si>
  <si>
    <t>&lt;41.8095</t>
  </si>
  <si>
    <t>&lt;0.86808</t>
  </si>
  <si>
    <t>&lt;31.8996</t>
  </si>
  <si>
    <t>&lt;0.20262</t>
  </si>
  <si>
    <t>&lt;0.86218</t>
  </si>
  <si>
    <t>&lt;33.1111</t>
  </si>
  <si>
    <t>&lt;0.78713</t>
  </si>
  <si>
    <t>&lt;29.5159</t>
  </si>
  <si>
    <t>&lt;0.16855</t>
  </si>
  <si>
    <t>&lt;1.1485</t>
  </si>
  <si>
    <t>&lt;42.5878</t>
  </si>
  <si>
    <t>&lt;0.2833</t>
  </si>
  <si>
    <t>&lt;0.78292</t>
  </si>
  <si>
    <t>&lt;0.17366</t>
  </si>
  <si>
    <t>&lt;1.0157</t>
  </si>
  <si>
    <t>&lt;37.5806</t>
  </si>
  <si>
    <t>&lt;0.23348</t>
  </si>
  <si>
    <t>Analysis</t>
  </si>
  <si>
    <t>Sample</t>
  </si>
  <si>
    <t>Al27 (ppm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" x14ac:knownFonts="1">
    <font>
      <sz val="11"/>
      <color theme="1"/>
      <name val="Calibri"/>
      <family val="2"/>
      <scheme val="minor"/>
    </font>
    <font>
      <sz val="10"/>
      <color theme="1"/>
      <name val="Times New Roman"/>
      <family val="1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7">
    <xf numFmtId="0" fontId="0" fillId="0" borderId="0" xfId="0"/>
    <xf numFmtId="2" fontId="0" fillId="0" borderId="0" xfId="0" applyNumberFormat="1"/>
    <xf numFmtId="0" fontId="0" fillId="0" borderId="0" xfId="0" applyFill="1"/>
    <xf numFmtId="1" fontId="0" fillId="0" borderId="0" xfId="0" applyNumberFormat="1" applyFill="1"/>
    <xf numFmtId="0" fontId="1" fillId="0" borderId="0" xfId="0" applyFont="1" applyFill="1"/>
    <xf numFmtId="2" fontId="1" fillId="0" borderId="0" xfId="0" applyNumberFormat="1" applyFont="1" applyFill="1"/>
    <xf numFmtId="1" fontId="1" fillId="0" borderId="0" xfId="0" applyNumberFormat="1" applyFont="1" applyFill="1"/>
  </cellXfs>
  <cellStyles count="1">
    <cellStyle name="Normal" xfId="0" builtinId="0"/>
  </cellStyles>
  <dxfs count="10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colors>
    <mruColors>
      <color rgb="FFFF00FF"/>
      <color rgb="FFFF66FF"/>
      <color rgb="FF9933FF"/>
      <color rgb="FF9966FF"/>
      <color rgb="FFCC0099"/>
      <color rgb="FF990099"/>
      <color rgb="FFCC00CC"/>
      <color rgb="FF660066"/>
      <color rgb="FF006600"/>
      <color rgb="FFD6009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H72"/>
  <sheetViews>
    <sheetView tabSelected="1" zoomScale="80" zoomScaleNormal="80" workbookViewId="0">
      <pane ySplit="1" topLeftCell="A2" activePane="bottomLeft" state="frozen"/>
      <selection activeCell="BQ47" sqref="BQ47"/>
      <selection pane="bottomLeft" activeCell="J35" sqref="J35"/>
    </sheetView>
  </sheetViews>
  <sheetFormatPr defaultRowHeight="15" x14ac:dyDescent="0.25"/>
  <cols>
    <col min="1" max="1" width="20.140625" bestFit="1" customWidth="1"/>
    <col min="2" max="2" width="17" bestFit="1" customWidth="1"/>
    <col min="3" max="3" width="6.5703125" bestFit="1" customWidth="1"/>
    <col min="4" max="4" width="9.42578125" bestFit="1" customWidth="1"/>
    <col min="5" max="5" width="11.28515625" customWidth="1"/>
    <col min="6" max="34" width="8.7109375" customWidth="1"/>
  </cols>
  <sheetData>
    <row r="1" spans="1:34" x14ac:dyDescent="0.25">
      <c r="A1" s="4" t="s">
        <v>1149</v>
      </c>
      <c r="B1" s="4" t="s">
        <v>1150</v>
      </c>
      <c r="C1" s="4" t="s">
        <v>1082</v>
      </c>
      <c r="D1" s="4" t="s">
        <v>1083</v>
      </c>
      <c r="E1" s="4" t="s">
        <v>1151</v>
      </c>
      <c r="F1" s="4" t="s">
        <v>0</v>
      </c>
      <c r="G1" s="4" t="s">
        <v>1</v>
      </c>
      <c r="H1" s="4" t="s">
        <v>2</v>
      </c>
      <c r="I1" s="4" t="s">
        <v>3</v>
      </c>
      <c r="J1" s="4" t="s">
        <v>4</v>
      </c>
      <c r="K1" s="4" t="s">
        <v>5</v>
      </c>
      <c r="L1" s="4" t="s">
        <v>6</v>
      </c>
      <c r="M1" s="4" t="s">
        <v>7</v>
      </c>
      <c r="N1" s="4" t="s">
        <v>8</v>
      </c>
      <c r="O1" s="4" t="s">
        <v>9</v>
      </c>
      <c r="P1" s="4" t="s">
        <v>10</v>
      </c>
      <c r="Q1" s="4" t="s">
        <v>11</v>
      </c>
      <c r="R1" s="4" t="s">
        <v>12</v>
      </c>
      <c r="S1" s="4" t="s">
        <v>13</v>
      </c>
      <c r="T1" s="4" t="s">
        <v>14</v>
      </c>
      <c r="U1" s="4" t="s">
        <v>15</v>
      </c>
      <c r="V1" s="4" t="s">
        <v>16</v>
      </c>
      <c r="W1" s="4" t="s">
        <v>17</v>
      </c>
      <c r="X1" s="4" t="s">
        <v>18</v>
      </c>
      <c r="Y1" s="4" t="s">
        <v>19</v>
      </c>
      <c r="Z1" s="4" t="s">
        <v>20</v>
      </c>
      <c r="AA1" s="4" t="s">
        <v>21</v>
      </c>
      <c r="AB1" s="4" t="s">
        <v>22</v>
      </c>
      <c r="AC1" s="4" t="s">
        <v>23</v>
      </c>
      <c r="AD1" s="4" t="s">
        <v>24</v>
      </c>
      <c r="AE1" s="4" t="s">
        <v>25</v>
      </c>
      <c r="AF1" s="4" t="s">
        <v>26</v>
      </c>
      <c r="AG1" s="4" t="s">
        <v>27</v>
      </c>
      <c r="AH1" s="4" t="s">
        <v>28</v>
      </c>
    </row>
    <row r="2" spans="1:34" x14ac:dyDescent="0.25">
      <c r="A2" s="4" t="s">
        <v>769</v>
      </c>
      <c r="B2" s="4" t="s">
        <v>770</v>
      </c>
      <c r="C2" s="4">
        <v>10</v>
      </c>
      <c r="D2" s="4" t="s">
        <v>1080</v>
      </c>
      <c r="E2" s="5">
        <v>1.1655572605093087</v>
      </c>
      <c r="F2" s="6">
        <v>207053.30727739964</v>
      </c>
      <c r="G2" s="5">
        <v>436.08724974655763</v>
      </c>
      <c r="H2" s="5">
        <v>71.578970358565556</v>
      </c>
      <c r="I2" s="5">
        <v>316.10845838788305</v>
      </c>
      <c r="J2" s="5">
        <v>13.070500085257224</v>
      </c>
      <c r="K2" s="5" t="s">
        <v>771</v>
      </c>
      <c r="L2" s="5">
        <v>0.30468754390698399</v>
      </c>
      <c r="M2" s="6">
        <v>1649.0398104553763</v>
      </c>
      <c r="N2" s="5">
        <v>0.5643774592996772</v>
      </c>
      <c r="O2" s="5" t="s">
        <v>772</v>
      </c>
      <c r="P2" s="5">
        <v>1.431136273516594E-2</v>
      </c>
      <c r="Q2" s="5">
        <v>11.017283460337531</v>
      </c>
      <c r="R2" s="5">
        <v>0.33029733837315417</v>
      </c>
      <c r="S2" s="5">
        <v>5.5300819337704157</v>
      </c>
      <c r="T2" s="5">
        <v>9.5211598240812219</v>
      </c>
      <c r="U2" s="5">
        <v>1.9986912791148492</v>
      </c>
      <c r="V2" s="5">
        <v>44.427205593861686</v>
      </c>
      <c r="W2" s="5">
        <v>14.13539808723233</v>
      </c>
      <c r="X2" s="5">
        <v>178.72169731774235</v>
      </c>
      <c r="Y2" s="5">
        <v>67.254744487143881</v>
      </c>
      <c r="Z2" s="5">
        <v>321.23736999379855</v>
      </c>
      <c r="AA2" s="5">
        <v>68.613453141799425</v>
      </c>
      <c r="AB2" s="5">
        <v>647.53477151809341</v>
      </c>
      <c r="AC2" s="5">
        <v>117.22410975811026</v>
      </c>
      <c r="AD2" s="6">
        <v>11348.658586909751</v>
      </c>
      <c r="AE2" s="5">
        <v>0.29217958222816665</v>
      </c>
      <c r="AF2" s="5">
        <v>32.283850285842739</v>
      </c>
      <c r="AG2" s="5">
        <v>109.24665588037487</v>
      </c>
      <c r="AH2" s="5">
        <v>137.40591573042491</v>
      </c>
    </row>
    <row r="3" spans="1:34" x14ac:dyDescent="0.25">
      <c r="A3" s="4" t="s">
        <v>815</v>
      </c>
      <c r="B3" s="4" t="s">
        <v>816</v>
      </c>
      <c r="C3" s="4">
        <v>20</v>
      </c>
      <c r="D3" s="4" t="s">
        <v>1080</v>
      </c>
      <c r="E3" s="5">
        <v>1.3717937138113867</v>
      </c>
      <c r="F3" s="6">
        <v>207161.01734430337</v>
      </c>
      <c r="G3" s="5">
        <v>448.92839731094199</v>
      </c>
      <c r="H3" s="5">
        <v>66.063885002965009</v>
      </c>
      <c r="I3" s="5">
        <v>325.51531236210627</v>
      </c>
      <c r="J3" s="5">
        <v>16.261898982765576</v>
      </c>
      <c r="K3" s="5" t="s">
        <v>817</v>
      </c>
      <c r="L3" s="5">
        <v>0.17919527331405721</v>
      </c>
      <c r="M3" s="6">
        <v>771.56680705642441</v>
      </c>
      <c r="N3" s="5">
        <v>0.56464807335760059</v>
      </c>
      <c r="O3" s="5" t="s">
        <v>818</v>
      </c>
      <c r="P3" s="5">
        <v>6.043321291684947E-3</v>
      </c>
      <c r="Q3" s="5">
        <v>7.0152167119191349</v>
      </c>
      <c r="R3" s="5">
        <v>0.12757801675428349</v>
      </c>
      <c r="S3" s="5">
        <v>1.9965214991703084</v>
      </c>
      <c r="T3" s="5">
        <v>4.2125027578092551</v>
      </c>
      <c r="U3" s="5">
        <v>0.74193153196611694</v>
      </c>
      <c r="V3" s="5">
        <v>19.481079231244021</v>
      </c>
      <c r="W3" s="5">
        <v>6.2481968781942916</v>
      </c>
      <c r="X3" s="5">
        <v>81.000512931741483</v>
      </c>
      <c r="Y3" s="5">
        <v>30.011161903310185</v>
      </c>
      <c r="Z3" s="5">
        <v>154.4799653141055</v>
      </c>
      <c r="AA3" s="5">
        <v>34.867639513562786</v>
      </c>
      <c r="AB3" s="5">
        <v>345.79584802435261</v>
      </c>
      <c r="AC3" s="5">
        <v>67.057187201357209</v>
      </c>
      <c r="AD3" s="6">
        <v>11995.796056263212</v>
      </c>
      <c r="AE3" s="5">
        <v>0.37544705050163169</v>
      </c>
      <c r="AF3" s="5">
        <v>28.842749935653185</v>
      </c>
      <c r="AG3" s="5">
        <v>95.269426490367977</v>
      </c>
      <c r="AH3" s="5">
        <v>167.58401627807973</v>
      </c>
    </row>
    <row r="4" spans="1:34" x14ac:dyDescent="0.25">
      <c r="A4" s="4" t="s">
        <v>843</v>
      </c>
      <c r="B4" s="4" t="s">
        <v>844</v>
      </c>
      <c r="C4" s="4">
        <v>25</v>
      </c>
      <c r="D4" s="4" t="s">
        <v>1080</v>
      </c>
      <c r="E4" s="5" t="s">
        <v>845</v>
      </c>
      <c r="F4" s="6">
        <v>211526.68999191781</v>
      </c>
      <c r="G4" s="5">
        <v>618.5833073890791</v>
      </c>
      <c r="H4" s="5">
        <v>77.861559616572109</v>
      </c>
      <c r="I4" s="5">
        <v>344.59840284231768</v>
      </c>
      <c r="J4" s="5">
        <v>8.3530025007506197</v>
      </c>
      <c r="K4" s="5" t="s">
        <v>846</v>
      </c>
      <c r="L4" s="5">
        <v>0.29313656030149071</v>
      </c>
      <c r="M4" s="6">
        <v>1598.656056951424</v>
      </c>
      <c r="N4" s="5">
        <v>1.5768828932388457</v>
      </c>
      <c r="O4" s="5">
        <v>0.21561326160173463</v>
      </c>
      <c r="P4" s="5">
        <v>6.3517106033298175E-3</v>
      </c>
      <c r="Q4" s="5">
        <v>18.690212269142762</v>
      </c>
      <c r="R4" s="5">
        <v>0.17507529486924131</v>
      </c>
      <c r="S4" s="5">
        <v>3.2993328270686915</v>
      </c>
      <c r="T4" s="5">
        <v>6.9058618799154594</v>
      </c>
      <c r="U4" s="5">
        <v>1.0940941624295826</v>
      </c>
      <c r="V4" s="5">
        <v>35.968244541311186</v>
      </c>
      <c r="W4" s="5">
        <v>12.42845114760047</v>
      </c>
      <c r="X4" s="5">
        <v>165.82081231342477</v>
      </c>
      <c r="Y4" s="5">
        <v>65.587056033983359</v>
      </c>
      <c r="Z4" s="5">
        <v>333.44404995156441</v>
      </c>
      <c r="AA4" s="5">
        <v>76.013002995462841</v>
      </c>
      <c r="AB4" s="5">
        <v>761.44728311682854</v>
      </c>
      <c r="AC4" s="5">
        <v>139.62599775689807</v>
      </c>
      <c r="AD4" s="6">
        <v>12708.951093570131</v>
      </c>
      <c r="AE4" s="5">
        <v>0.738079565641928</v>
      </c>
      <c r="AF4" s="5">
        <v>57.416002150253227</v>
      </c>
      <c r="AG4" s="5">
        <v>194.96054875864175</v>
      </c>
      <c r="AH4" s="5">
        <v>326.34337617263554</v>
      </c>
    </row>
    <row r="5" spans="1:34" x14ac:dyDescent="0.25">
      <c r="A5" s="4" t="s">
        <v>847</v>
      </c>
      <c r="B5" s="4" t="s">
        <v>848</v>
      </c>
      <c r="C5" s="4">
        <v>26</v>
      </c>
      <c r="D5" s="4" t="s">
        <v>1080</v>
      </c>
      <c r="E5" s="5" t="s">
        <v>849</v>
      </c>
      <c r="F5" s="6">
        <v>196779.15025347905</v>
      </c>
      <c r="G5" s="5">
        <v>647.73423215207868</v>
      </c>
      <c r="H5" s="5">
        <v>43.707490820264475</v>
      </c>
      <c r="I5" s="5">
        <v>343.39880119483968</v>
      </c>
      <c r="J5" s="5">
        <v>9.2803383675483548</v>
      </c>
      <c r="K5" s="5">
        <v>40.98841545236381</v>
      </c>
      <c r="L5" s="5">
        <v>0.34633560166897343</v>
      </c>
      <c r="M5" s="6">
        <v>2003.0842102546401</v>
      </c>
      <c r="N5" s="5">
        <v>1.644971183803525</v>
      </c>
      <c r="O5" s="5">
        <v>0.19848366545083612</v>
      </c>
      <c r="P5" s="5">
        <v>8.9786806490090784E-3</v>
      </c>
      <c r="Q5" s="5">
        <v>33.035736757547724</v>
      </c>
      <c r="R5" s="5">
        <v>0.16712788686825114</v>
      </c>
      <c r="S5" s="5">
        <v>3.1521993130473724</v>
      </c>
      <c r="T5" s="5">
        <v>7.0076371597249816</v>
      </c>
      <c r="U5" s="5">
        <v>1.3719262906875307</v>
      </c>
      <c r="V5" s="5">
        <v>42.522625986072704</v>
      </c>
      <c r="W5" s="5">
        <v>14.698804599604097</v>
      </c>
      <c r="X5" s="5">
        <v>198.02243095984829</v>
      </c>
      <c r="Y5" s="5">
        <v>78.219970162550595</v>
      </c>
      <c r="Z5" s="5">
        <v>390.00992023300557</v>
      </c>
      <c r="AA5" s="5">
        <v>85.954914779448742</v>
      </c>
      <c r="AB5" s="5">
        <v>822.53695569456522</v>
      </c>
      <c r="AC5" s="5">
        <v>143.8304384408697</v>
      </c>
      <c r="AD5" s="6">
        <v>12018.898521729301</v>
      </c>
      <c r="AE5" s="5">
        <v>0.63441751357263354</v>
      </c>
      <c r="AF5" s="5">
        <v>164.26701062563697</v>
      </c>
      <c r="AG5" s="5">
        <v>574.17490341442124</v>
      </c>
      <c r="AH5" s="5">
        <v>634.05884550096243</v>
      </c>
    </row>
    <row r="6" spans="1:34" x14ac:dyDescent="0.25">
      <c r="A6" s="4" t="s">
        <v>869</v>
      </c>
      <c r="B6" s="4" t="s">
        <v>870</v>
      </c>
      <c r="C6" s="4">
        <v>33</v>
      </c>
      <c r="D6" s="4" t="s">
        <v>1080</v>
      </c>
      <c r="E6" s="5" t="s">
        <v>871</v>
      </c>
      <c r="F6" s="6">
        <v>200312.92189821001</v>
      </c>
      <c r="G6" s="5">
        <v>571.76860238286508</v>
      </c>
      <c r="H6" s="5">
        <v>45.440759033054924</v>
      </c>
      <c r="I6" s="5">
        <v>337.60994702000494</v>
      </c>
      <c r="J6" s="5">
        <v>10.334068671837846</v>
      </c>
      <c r="K6" s="5" t="s">
        <v>872</v>
      </c>
      <c r="L6" s="5">
        <v>0.40220518154220869</v>
      </c>
      <c r="M6" s="6">
        <v>2562.0947142795089</v>
      </c>
      <c r="N6" s="5">
        <v>1.4417546922140649</v>
      </c>
      <c r="O6" s="5" t="s">
        <v>873</v>
      </c>
      <c r="P6" s="5">
        <v>2.1080668507329495E-2</v>
      </c>
      <c r="Q6" s="5">
        <v>18.944291474001588</v>
      </c>
      <c r="R6" s="5">
        <v>0.35985061304338656</v>
      </c>
      <c r="S6" s="5">
        <v>6.2565382579483515</v>
      </c>
      <c r="T6" s="5">
        <v>12.903288235857346</v>
      </c>
      <c r="U6" s="5">
        <v>2.1963728043855291</v>
      </c>
      <c r="V6" s="5">
        <v>63.587861564362441</v>
      </c>
      <c r="W6" s="5">
        <v>21.432579225710825</v>
      </c>
      <c r="X6" s="5">
        <v>276.28828288134349</v>
      </c>
      <c r="Y6" s="5">
        <v>104.32236134697357</v>
      </c>
      <c r="Z6" s="5">
        <v>507.23975045490567</v>
      </c>
      <c r="AA6" s="5">
        <v>108.75902547195845</v>
      </c>
      <c r="AB6" s="5">
        <v>1040.3354826506395</v>
      </c>
      <c r="AC6" s="5">
        <v>185.75191788881727</v>
      </c>
      <c r="AD6" s="6">
        <v>11764.434220864199</v>
      </c>
      <c r="AE6" s="5">
        <v>0.62876671235484483</v>
      </c>
      <c r="AF6" s="5">
        <v>60.083278470915985</v>
      </c>
      <c r="AG6" s="5">
        <v>219.76294119537792</v>
      </c>
      <c r="AH6" s="5">
        <v>284.41092422498315</v>
      </c>
    </row>
    <row r="7" spans="1:34" x14ac:dyDescent="0.25">
      <c r="A7" s="4" t="s">
        <v>883</v>
      </c>
      <c r="B7" s="4" t="s">
        <v>884</v>
      </c>
      <c r="C7" s="4">
        <v>34</v>
      </c>
      <c r="D7" s="4" t="s">
        <v>1080</v>
      </c>
      <c r="E7" s="5" t="s">
        <v>885</v>
      </c>
      <c r="F7" s="6">
        <v>171103.02707289965</v>
      </c>
      <c r="G7" s="5">
        <v>471.44824636613134</v>
      </c>
      <c r="H7" s="5" t="s">
        <v>886</v>
      </c>
      <c r="I7" s="5">
        <v>323.01808289811902</v>
      </c>
      <c r="J7" s="5">
        <v>10.461943659022328</v>
      </c>
      <c r="K7" s="5">
        <v>24.503517943585933</v>
      </c>
      <c r="L7" s="5">
        <v>0.37910725523479133</v>
      </c>
      <c r="M7" s="6">
        <v>2833.0254597007593</v>
      </c>
      <c r="N7" s="5">
        <v>1.5312175754327926</v>
      </c>
      <c r="O7" s="5" t="s">
        <v>887</v>
      </c>
      <c r="P7" s="5">
        <v>2.1143018228699975E-2</v>
      </c>
      <c r="Q7" s="5">
        <v>19.421341093160699</v>
      </c>
      <c r="R7" s="5">
        <v>0.39030699048948403</v>
      </c>
      <c r="S7" s="5">
        <v>6.82199806580903</v>
      </c>
      <c r="T7" s="5">
        <v>12.360021327653486</v>
      </c>
      <c r="U7" s="5">
        <v>2.3042887311723592</v>
      </c>
      <c r="V7" s="5">
        <v>66.954233788185093</v>
      </c>
      <c r="W7" s="5">
        <v>21.866527355474371</v>
      </c>
      <c r="X7" s="5">
        <v>278.85660948028169</v>
      </c>
      <c r="Y7" s="5">
        <v>104.46387499933617</v>
      </c>
      <c r="Z7" s="5">
        <v>497.7841588709282</v>
      </c>
      <c r="AA7" s="5">
        <v>104.37432394231055</v>
      </c>
      <c r="AB7" s="5">
        <v>960.44841623033255</v>
      </c>
      <c r="AC7" s="5">
        <v>177.72731068429869</v>
      </c>
      <c r="AD7" s="6">
        <v>10584.563553623524</v>
      </c>
      <c r="AE7" s="5">
        <v>0.54157364750285231</v>
      </c>
      <c r="AF7" s="5">
        <v>56.316040261879635</v>
      </c>
      <c r="AG7" s="5">
        <v>208.50226417649108</v>
      </c>
      <c r="AH7" s="5">
        <v>238.67106642857718</v>
      </c>
    </row>
    <row r="8" spans="1:34" x14ac:dyDescent="0.25">
      <c r="A8" s="4" t="s">
        <v>896</v>
      </c>
      <c r="B8" s="4" t="s">
        <v>897</v>
      </c>
      <c r="C8" s="4">
        <v>36</v>
      </c>
      <c r="D8" s="4" t="s">
        <v>1080</v>
      </c>
      <c r="E8" s="5" t="s">
        <v>898</v>
      </c>
      <c r="F8" s="6">
        <v>180631.90521319339</v>
      </c>
      <c r="G8" s="5">
        <v>517.76188486141871</v>
      </c>
      <c r="H8" s="5">
        <v>25.280169923993732</v>
      </c>
      <c r="I8" s="5">
        <v>333.42848479979841</v>
      </c>
      <c r="J8" s="5">
        <v>10.32311987016176</v>
      </c>
      <c r="K8" s="5" t="s">
        <v>899</v>
      </c>
      <c r="L8" s="5">
        <v>0.34040926429897045</v>
      </c>
      <c r="M8" s="6">
        <v>2435.4840578106027</v>
      </c>
      <c r="N8" s="5">
        <v>1.733347378471835</v>
      </c>
      <c r="O8" s="5" t="s">
        <v>900</v>
      </c>
      <c r="P8" s="5">
        <v>1.6407279979019022E-2</v>
      </c>
      <c r="Q8" s="5">
        <v>19.193352346782675</v>
      </c>
      <c r="R8" s="5">
        <v>0.30843815309538158</v>
      </c>
      <c r="S8" s="5">
        <v>5.3350494573288776</v>
      </c>
      <c r="T8" s="5">
        <v>10.31202437132143</v>
      </c>
      <c r="U8" s="5">
        <v>1.9868440035526329</v>
      </c>
      <c r="V8" s="5">
        <v>55.283872284527504</v>
      </c>
      <c r="W8" s="5">
        <v>18.660231029074289</v>
      </c>
      <c r="X8" s="5">
        <v>239.43069738463873</v>
      </c>
      <c r="Y8" s="5">
        <v>90.833236747204808</v>
      </c>
      <c r="Z8" s="5">
        <v>441.3803114225654</v>
      </c>
      <c r="AA8" s="5">
        <v>94.829827988809953</v>
      </c>
      <c r="AB8" s="5">
        <v>896.48487346488173</v>
      </c>
      <c r="AC8" s="5">
        <v>165.93480580357468</v>
      </c>
      <c r="AD8" s="6">
        <v>10786.063763063998</v>
      </c>
      <c r="AE8" s="5">
        <v>0.63710484734458461</v>
      </c>
      <c r="AF8" s="5">
        <v>51.734819699713086</v>
      </c>
      <c r="AG8" s="5">
        <v>189.82106898951037</v>
      </c>
      <c r="AH8" s="5">
        <v>246.76709396756624</v>
      </c>
    </row>
    <row r="9" spans="1:34" x14ac:dyDescent="0.25">
      <c r="A9" s="4" t="s">
        <v>901</v>
      </c>
      <c r="B9" s="4" t="s">
        <v>902</v>
      </c>
      <c r="C9" s="4">
        <v>37</v>
      </c>
      <c r="D9" s="4" t="s">
        <v>1080</v>
      </c>
      <c r="E9" s="5" t="s">
        <v>903</v>
      </c>
      <c r="F9" s="6">
        <v>180850.9239427438</v>
      </c>
      <c r="G9" s="5">
        <v>501.98963969133553</v>
      </c>
      <c r="H9" s="5">
        <v>30.856990989701828</v>
      </c>
      <c r="I9" s="5">
        <v>329.58190057797219</v>
      </c>
      <c r="J9" s="5">
        <v>9.9396526512362016</v>
      </c>
      <c r="K9" s="5" t="s">
        <v>904</v>
      </c>
      <c r="L9" s="5">
        <v>0.39443811822471508</v>
      </c>
      <c r="M9" s="6">
        <v>2606.856036730399</v>
      </c>
      <c r="N9" s="5">
        <v>1.5650346028818545</v>
      </c>
      <c r="O9" s="5" t="s">
        <v>905</v>
      </c>
      <c r="P9" s="5">
        <v>1.5488944436790251E-2</v>
      </c>
      <c r="Q9" s="5">
        <v>18.577579710161515</v>
      </c>
      <c r="R9" s="5">
        <v>0.33283748876346519</v>
      </c>
      <c r="S9" s="5">
        <v>6.1577389585722653</v>
      </c>
      <c r="T9" s="5">
        <v>11.277545670044246</v>
      </c>
      <c r="U9" s="5">
        <v>2.2036242745030434</v>
      </c>
      <c r="V9" s="5">
        <v>63.166644056287396</v>
      </c>
      <c r="W9" s="5">
        <v>21.011340171726442</v>
      </c>
      <c r="X9" s="5">
        <v>263.87231663576961</v>
      </c>
      <c r="Y9" s="5">
        <v>99.153894623089869</v>
      </c>
      <c r="Z9" s="5">
        <v>479.89799251308119</v>
      </c>
      <c r="AA9" s="5">
        <v>100.57285574007045</v>
      </c>
      <c r="AB9" s="5">
        <v>940.58652509511057</v>
      </c>
      <c r="AC9" s="5">
        <v>176.45788610850533</v>
      </c>
      <c r="AD9" s="6">
        <v>10906.043923677174</v>
      </c>
      <c r="AE9" s="5">
        <v>0.6247108448093206</v>
      </c>
      <c r="AF9" s="5">
        <v>52.480444420814379</v>
      </c>
      <c r="AG9" s="5">
        <v>192.6373173620396</v>
      </c>
      <c r="AH9" s="5">
        <v>241.49692390251215</v>
      </c>
    </row>
    <row r="10" spans="1:34" x14ac:dyDescent="0.25">
      <c r="A10" s="4" t="s">
        <v>908</v>
      </c>
      <c r="B10" s="4" t="s">
        <v>909</v>
      </c>
      <c r="C10" s="4">
        <v>38</v>
      </c>
      <c r="D10" s="4" t="s">
        <v>1080</v>
      </c>
      <c r="E10" s="5" t="s">
        <v>910</v>
      </c>
      <c r="F10" s="6">
        <v>182667.03352574262</v>
      </c>
      <c r="G10" s="5">
        <v>536.23601085394853</v>
      </c>
      <c r="H10" s="5" t="s">
        <v>911</v>
      </c>
      <c r="I10" s="5">
        <v>360.33294850056416</v>
      </c>
      <c r="J10" s="5">
        <v>9.9831762838540605</v>
      </c>
      <c r="K10" s="5" t="s">
        <v>912</v>
      </c>
      <c r="L10" s="5">
        <v>0.34944701365709696</v>
      </c>
      <c r="M10" s="6">
        <v>1898.5583725130446</v>
      </c>
      <c r="N10" s="5">
        <v>2.2967542886387484</v>
      </c>
      <c r="O10" s="5" t="s">
        <v>913</v>
      </c>
      <c r="P10" s="5">
        <v>1.1488579557464566E-2</v>
      </c>
      <c r="Q10" s="5">
        <v>17.052966247121596</v>
      </c>
      <c r="R10" s="5">
        <v>0.15907896369843191</v>
      </c>
      <c r="S10" s="5">
        <v>3.3762063233693889</v>
      </c>
      <c r="T10" s="5">
        <v>6.7834590525935097</v>
      </c>
      <c r="U10" s="5">
        <v>1.1671988254076078</v>
      </c>
      <c r="V10" s="5">
        <v>37.534713293729737</v>
      </c>
      <c r="W10" s="5">
        <v>13.263096030829928</v>
      </c>
      <c r="X10" s="5">
        <v>175.97653018334981</v>
      </c>
      <c r="Y10" s="5">
        <v>70.555912299022864</v>
      </c>
      <c r="Z10" s="5">
        <v>363.19352745886266</v>
      </c>
      <c r="AA10" s="5">
        <v>80.832507547701738</v>
      </c>
      <c r="AB10" s="5">
        <v>786.89924653668197</v>
      </c>
      <c r="AC10" s="5">
        <v>157.82539952918287</v>
      </c>
      <c r="AD10" s="6">
        <v>11287.131495113263</v>
      </c>
      <c r="AE10" s="5">
        <v>0.80729810940084656</v>
      </c>
      <c r="AF10" s="5">
        <v>37.304148430403259</v>
      </c>
      <c r="AG10" s="5">
        <v>136.27917022841146</v>
      </c>
      <c r="AH10" s="5">
        <v>241.84123174734424</v>
      </c>
    </row>
    <row r="11" spans="1:34" x14ac:dyDescent="0.25">
      <c r="A11" s="4" t="s">
        <v>940</v>
      </c>
      <c r="B11" s="4" t="s">
        <v>941</v>
      </c>
      <c r="C11" s="4">
        <v>44</v>
      </c>
      <c r="D11" s="4" t="s">
        <v>1080</v>
      </c>
      <c r="E11" s="5">
        <v>1.8539845788772524</v>
      </c>
      <c r="F11" s="6">
        <v>187038.95624488016</v>
      </c>
      <c r="G11" s="5">
        <v>304.0281214548969</v>
      </c>
      <c r="H11" s="5">
        <v>32.314064757837251</v>
      </c>
      <c r="I11" s="5">
        <v>292.93361540826214</v>
      </c>
      <c r="J11" s="5">
        <v>12.467701226913759</v>
      </c>
      <c r="K11" s="5">
        <v>69.604910910025609</v>
      </c>
      <c r="L11" s="5">
        <v>0.23725629846539001</v>
      </c>
      <c r="M11" s="6">
        <v>1508.1283070376346</v>
      </c>
      <c r="N11" s="5">
        <v>0.39415485672060951</v>
      </c>
      <c r="O11" s="5" t="s">
        <v>942</v>
      </c>
      <c r="P11" s="5">
        <v>7.4743190995029745E-3</v>
      </c>
      <c r="Q11" s="5">
        <v>9.2822525630964616</v>
      </c>
      <c r="R11" s="5">
        <v>0.21773921540286187</v>
      </c>
      <c r="S11" s="5">
        <v>4.2264968412576076</v>
      </c>
      <c r="T11" s="5">
        <v>8.7314771651690606</v>
      </c>
      <c r="U11" s="5">
        <v>1.799284584267504</v>
      </c>
      <c r="V11" s="5">
        <v>40.624627741673116</v>
      </c>
      <c r="W11" s="5">
        <v>12.716691322097663</v>
      </c>
      <c r="X11" s="5">
        <v>152.468248660124</v>
      </c>
      <c r="Y11" s="5">
        <v>57.159939205956078</v>
      </c>
      <c r="Z11" s="5">
        <v>273.80011782482825</v>
      </c>
      <c r="AA11" s="5">
        <v>57.308791971029081</v>
      </c>
      <c r="AB11" s="5">
        <v>531.09327660691099</v>
      </c>
      <c r="AC11" s="5">
        <v>98.856629359478887</v>
      </c>
      <c r="AD11" s="6">
        <v>11144.960488114584</v>
      </c>
      <c r="AE11" s="5">
        <v>0.2354343601363833</v>
      </c>
      <c r="AF11" s="5">
        <v>26.184234241472691</v>
      </c>
      <c r="AG11" s="5">
        <v>95.202160910870262</v>
      </c>
      <c r="AH11" s="5">
        <v>110.33933279327007</v>
      </c>
    </row>
    <row r="12" spans="1:34" x14ac:dyDescent="0.25">
      <c r="A12" s="4" t="s">
        <v>950</v>
      </c>
      <c r="B12" s="4" t="s">
        <v>951</v>
      </c>
      <c r="C12" s="4">
        <v>48</v>
      </c>
      <c r="D12" s="4" t="s">
        <v>1080</v>
      </c>
      <c r="E12" s="5" t="s">
        <v>952</v>
      </c>
      <c r="F12" s="6">
        <v>184344.03386713986</v>
      </c>
      <c r="G12" s="5">
        <v>427.57727259274918</v>
      </c>
      <c r="H12" s="5" t="s">
        <v>953</v>
      </c>
      <c r="I12" s="5">
        <v>290.84029611108917</v>
      </c>
      <c r="J12" s="5">
        <v>9.8190529939376052</v>
      </c>
      <c r="K12" s="5">
        <v>13.321534529574935</v>
      </c>
      <c r="L12" s="5">
        <v>0.38374063331904729</v>
      </c>
      <c r="M12" s="6">
        <v>2590.9924923227009</v>
      </c>
      <c r="N12" s="5">
        <v>0.99337601278452969</v>
      </c>
      <c r="O12" s="5">
        <v>0.16665286680164004</v>
      </c>
      <c r="P12" s="5">
        <v>2.3331767943250703E-2</v>
      </c>
      <c r="Q12" s="5">
        <v>14.667471743930065</v>
      </c>
      <c r="R12" s="5">
        <v>0.3995676821904095</v>
      </c>
      <c r="S12" s="5">
        <v>6.3513402772382328</v>
      </c>
      <c r="T12" s="5">
        <v>11.580806052740032</v>
      </c>
      <c r="U12" s="5">
        <v>2.1596239484622455</v>
      </c>
      <c r="V12" s="5">
        <v>55.03740719141976</v>
      </c>
      <c r="W12" s="5">
        <v>18.138354913426358</v>
      </c>
      <c r="X12" s="5">
        <v>240.78443746676885</v>
      </c>
      <c r="Y12" s="5">
        <v>95.116025104087072</v>
      </c>
      <c r="Z12" s="5">
        <v>472.27244868571734</v>
      </c>
      <c r="AA12" s="5">
        <v>101.82106239253729</v>
      </c>
      <c r="AB12" s="5">
        <v>952.13062618571394</v>
      </c>
      <c r="AC12" s="5">
        <v>177.29010464236489</v>
      </c>
      <c r="AD12" s="6">
        <v>10685.615986126773</v>
      </c>
      <c r="AE12" s="5">
        <v>0.43428429858550871</v>
      </c>
      <c r="AF12" s="5">
        <v>74.405062573193717</v>
      </c>
      <c r="AG12" s="5">
        <v>266.53218419169815</v>
      </c>
      <c r="AH12" s="5">
        <v>300.3806675361468</v>
      </c>
    </row>
    <row r="13" spans="1:34" x14ac:dyDescent="0.25">
      <c r="A13" s="4" t="s">
        <v>376</v>
      </c>
      <c r="B13" s="4" t="s">
        <v>377</v>
      </c>
      <c r="C13" s="4">
        <v>4</v>
      </c>
      <c r="D13" s="4" t="s">
        <v>1080</v>
      </c>
      <c r="E13" s="5" t="s">
        <v>378</v>
      </c>
      <c r="F13" s="6">
        <v>173237.97982373092</v>
      </c>
      <c r="G13" s="5">
        <v>426.05859403291333</v>
      </c>
      <c r="H13" s="5" t="s">
        <v>379</v>
      </c>
      <c r="I13" s="5">
        <v>302.36602585979131</v>
      </c>
      <c r="J13" s="5">
        <v>8.6725507150079366</v>
      </c>
      <c r="K13" s="5" t="s">
        <v>380</v>
      </c>
      <c r="L13" s="5">
        <v>0.29402282151975212</v>
      </c>
      <c r="M13" s="6">
        <v>1897.2133109150652</v>
      </c>
      <c r="N13" s="5">
        <v>0.854032698707056</v>
      </c>
      <c r="O13" s="5" t="s">
        <v>381</v>
      </c>
      <c r="P13" s="5">
        <v>1.0153859663468646E-2</v>
      </c>
      <c r="Q13" s="5">
        <v>14.238869627303385</v>
      </c>
      <c r="R13" s="5">
        <v>0.22585161899789014</v>
      </c>
      <c r="S13" s="5">
        <v>4.6024078369736499</v>
      </c>
      <c r="T13" s="5">
        <v>8.1750945834252242</v>
      </c>
      <c r="U13" s="5">
        <v>1.3950198742809654</v>
      </c>
      <c r="V13" s="5">
        <v>42.292505165688112</v>
      </c>
      <c r="W13" s="5">
        <v>14.244711966139883</v>
      </c>
      <c r="X13" s="5">
        <v>188.25560808210363</v>
      </c>
      <c r="Y13" s="5">
        <v>73.776505996116072</v>
      </c>
      <c r="Z13" s="5">
        <v>363.10214425255185</v>
      </c>
      <c r="AA13" s="5">
        <v>77.405365849872851</v>
      </c>
      <c r="AB13" s="5">
        <v>729.24717376650153</v>
      </c>
      <c r="AC13" s="5">
        <v>139.76071986352721</v>
      </c>
      <c r="AD13" s="6">
        <v>12824.505212919867</v>
      </c>
      <c r="AE13" s="5">
        <v>0.49725115672501774</v>
      </c>
      <c r="AF13" s="5">
        <v>54.107672095792445</v>
      </c>
      <c r="AG13" s="5">
        <v>214.59380836462174</v>
      </c>
      <c r="AH13" s="5">
        <v>295.40675691297076</v>
      </c>
    </row>
    <row r="14" spans="1:34" x14ac:dyDescent="0.25">
      <c r="A14" s="4" t="s">
        <v>963</v>
      </c>
      <c r="B14" s="4" t="s">
        <v>964</v>
      </c>
      <c r="C14" s="4">
        <v>51</v>
      </c>
      <c r="D14" s="4" t="s">
        <v>1080</v>
      </c>
      <c r="E14" s="5" t="s">
        <v>965</v>
      </c>
      <c r="F14" s="6">
        <v>181333.96012339328</v>
      </c>
      <c r="G14" s="5">
        <v>399.22487778094052</v>
      </c>
      <c r="H14" s="5" t="s">
        <v>966</v>
      </c>
      <c r="I14" s="5">
        <v>287.96832041992599</v>
      </c>
      <c r="J14" s="5">
        <v>8.8310030191520568</v>
      </c>
      <c r="K14" s="5">
        <v>56.432670981329906</v>
      </c>
      <c r="L14" s="5">
        <v>0.32487028918376221</v>
      </c>
      <c r="M14" s="6">
        <v>2556.4378862647009</v>
      </c>
      <c r="N14" s="5">
        <v>0.83117945445993291</v>
      </c>
      <c r="O14" s="5">
        <v>0.18967969993927702</v>
      </c>
      <c r="P14" s="5">
        <v>1.7138336944411862E-2</v>
      </c>
      <c r="Q14" s="5">
        <v>15.343237878217474</v>
      </c>
      <c r="R14" s="5">
        <v>0.34071750976046766</v>
      </c>
      <c r="S14" s="5">
        <v>6.3901322705881451</v>
      </c>
      <c r="T14" s="5">
        <v>11.446122077966134</v>
      </c>
      <c r="U14" s="5">
        <v>2.0134740285490955</v>
      </c>
      <c r="V14" s="5">
        <v>56.352702886273143</v>
      </c>
      <c r="W14" s="5">
        <v>18.942509131167455</v>
      </c>
      <c r="X14" s="5">
        <v>241.13999322929575</v>
      </c>
      <c r="Y14" s="5">
        <v>93.783302686706818</v>
      </c>
      <c r="Z14" s="5">
        <v>457.20469920681086</v>
      </c>
      <c r="AA14" s="5">
        <v>95.665307349288597</v>
      </c>
      <c r="AB14" s="5">
        <v>888.09743922081168</v>
      </c>
      <c r="AC14" s="5">
        <v>165.78781128650792</v>
      </c>
      <c r="AD14" s="6">
        <v>10647.451641599488</v>
      </c>
      <c r="AE14" s="5">
        <v>0.44024009798591113</v>
      </c>
      <c r="AF14" s="5">
        <v>64.696680729485863</v>
      </c>
      <c r="AG14" s="5">
        <v>238.19232882666046</v>
      </c>
      <c r="AH14" s="5">
        <v>268.26313998353481</v>
      </c>
    </row>
    <row r="15" spans="1:34" x14ac:dyDescent="0.25">
      <c r="A15" s="4" t="s">
        <v>741</v>
      </c>
      <c r="B15" s="4" t="s">
        <v>742</v>
      </c>
      <c r="C15" s="4">
        <v>5</v>
      </c>
      <c r="D15" s="4" t="s">
        <v>1080</v>
      </c>
      <c r="E15" s="5" t="s">
        <v>743</v>
      </c>
      <c r="F15" s="6">
        <v>196853.17834537802</v>
      </c>
      <c r="G15" s="5">
        <v>576.91402745738583</v>
      </c>
      <c r="H15" s="5">
        <v>62.4153046757081</v>
      </c>
      <c r="I15" s="5">
        <v>332.73650721523967</v>
      </c>
      <c r="J15" s="5">
        <v>10.45254156155594</v>
      </c>
      <c r="K15" s="5">
        <v>5.1934280550247554</v>
      </c>
      <c r="L15" s="5">
        <v>0.47716200642835516</v>
      </c>
      <c r="M15" s="6">
        <v>2863.130860972658</v>
      </c>
      <c r="N15" s="5">
        <v>1.2579185050840613</v>
      </c>
      <c r="O15" s="5" t="s">
        <v>744</v>
      </c>
      <c r="P15" s="5">
        <v>2.8820030650208828E-2</v>
      </c>
      <c r="Q15" s="5">
        <v>19.526715985999271</v>
      </c>
      <c r="R15" s="5">
        <v>0.4629621489050087</v>
      </c>
      <c r="S15" s="5">
        <v>8.0422282107644776</v>
      </c>
      <c r="T15" s="5">
        <v>15.772968275995517</v>
      </c>
      <c r="U15" s="5">
        <v>2.7277973712802455</v>
      </c>
      <c r="V15" s="5">
        <v>77.081747553013955</v>
      </c>
      <c r="W15" s="5">
        <v>25.573007510967201</v>
      </c>
      <c r="X15" s="5">
        <v>326.83931073730753</v>
      </c>
      <c r="Y15" s="5">
        <v>121.08083272847534</v>
      </c>
      <c r="Z15" s="5">
        <v>568.45155036082622</v>
      </c>
      <c r="AA15" s="5">
        <v>121.62642729290089</v>
      </c>
      <c r="AB15" s="5">
        <v>1147.380036736301</v>
      </c>
      <c r="AC15" s="5">
        <v>197.82860297349887</v>
      </c>
      <c r="AD15" s="6">
        <v>11778.325362241398</v>
      </c>
      <c r="AE15" s="5">
        <v>0.55975110656272431</v>
      </c>
      <c r="AF15" s="5">
        <v>70.0017309795968</v>
      </c>
      <c r="AG15" s="5">
        <v>249.77729736894656</v>
      </c>
      <c r="AH15" s="5">
        <v>285.45037058561013</v>
      </c>
    </row>
    <row r="16" spans="1:34" x14ac:dyDescent="0.25">
      <c r="A16" s="4" t="s">
        <v>874</v>
      </c>
      <c r="B16" s="4" t="s">
        <v>875</v>
      </c>
      <c r="C16" s="4">
        <v>5</v>
      </c>
      <c r="D16" s="4" t="s">
        <v>1080</v>
      </c>
      <c r="E16" s="5" t="s">
        <v>876</v>
      </c>
      <c r="F16" s="6">
        <v>195295.93338523008</v>
      </c>
      <c r="G16" s="5">
        <v>634.55975257627733</v>
      </c>
      <c r="H16" s="5">
        <v>70.363320628933124</v>
      </c>
      <c r="I16" s="5">
        <v>352.95946307919638</v>
      </c>
      <c r="J16" s="5">
        <v>11.002121450316027</v>
      </c>
      <c r="K16" s="5" t="s">
        <v>877</v>
      </c>
      <c r="L16" s="5">
        <v>0.45612707339344449</v>
      </c>
      <c r="M16" s="6">
        <v>2885.7194193917485</v>
      </c>
      <c r="N16" s="5">
        <v>1.6357254095304463</v>
      </c>
      <c r="O16" s="5" t="s">
        <v>878</v>
      </c>
      <c r="P16" s="5">
        <v>2.3530062365614033E-2</v>
      </c>
      <c r="Q16" s="5">
        <v>22.276436681518284</v>
      </c>
      <c r="R16" s="5">
        <v>0.43405756922920669</v>
      </c>
      <c r="S16" s="5">
        <v>7.720613473901226</v>
      </c>
      <c r="T16" s="5">
        <v>14.083477541444022</v>
      </c>
      <c r="U16" s="5">
        <v>2.7312502650408983</v>
      </c>
      <c r="V16" s="5">
        <v>76.441662363121637</v>
      </c>
      <c r="W16" s="5">
        <v>25.717981540012492</v>
      </c>
      <c r="X16" s="5">
        <v>328.72530691305906</v>
      </c>
      <c r="Y16" s="5">
        <v>122.93528712883028</v>
      </c>
      <c r="Z16" s="5">
        <v>583.01806342859345</v>
      </c>
      <c r="AA16" s="5">
        <v>124.62613404977385</v>
      </c>
      <c r="AB16" s="5">
        <v>1195.1865371114909</v>
      </c>
      <c r="AC16" s="5">
        <v>207.19341721659455</v>
      </c>
      <c r="AD16" s="6">
        <v>11953.19571844735</v>
      </c>
      <c r="AE16" s="5">
        <v>0.69189745297735827</v>
      </c>
      <c r="AF16" s="5">
        <v>75.263025972292027</v>
      </c>
      <c r="AG16" s="5">
        <v>287.787021796771</v>
      </c>
      <c r="AH16" s="5">
        <v>333.27854589360737</v>
      </c>
    </row>
    <row r="17" spans="1:34" x14ac:dyDescent="0.25">
      <c r="A17" s="4" t="s">
        <v>748</v>
      </c>
      <c r="B17" s="4" t="s">
        <v>749</v>
      </c>
      <c r="C17" s="4">
        <v>6</v>
      </c>
      <c r="D17" s="4" t="s">
        <v>1080</v>
      </c>
      <c r="E17" s="5" t="s">
        <v>750</v>
      </c>
      <c r="F17" s="6">
        <v>207779.30969910361</v>
      </c>
      <c r="G17" s="5">
        <v>392.11004393457506</v>
      </c>
      <c r="H17" s="5">
        <v>83.736716864902931</v>
      </c>
      <c r="I17" s="5">
        <v>319.23849453530045</v>
      </c>
      <c r="J17" s="5">
        <v>13.133885613944598</v>
      </c>
      <c r="K17" s="5">
        <v>8.0995076026448469</v>
      </c>
      <c r="L17" s="5">
        <v>0.30828159904322633</v>
      </c>
      <c r="M17" s="6">
        <v>1547.6699007482953</v>
      </c>
      <c r="N17" s="5">
        <v>0.45689864145364295</v>
      </c>
      <c r="O17" s="5" t="s">
        <v>751</v>
      </c>
      <c r="P17" s="5">
        <v>1.1869933124156566E-2</v>
      </c>
      <c r="Q17" s="5">
        <v>10.761712426860583</v>
      </c>
      <c r="R17" s="5">
        <v>0.30464789187278274</v>
      </c>
      <c r="S17" s="5">
        <v>5.4887799250297471</v>
      </c>
      <c r="T17" s="5">
        <v>10.342469737271797</v>
      </c>
      <c r="U17" s="5">
        <v>2.1202392525539535</v>
      </c>
      <c r="V17" s="5">
        <v>47.583182519422536</v>
      </c>
      <c r="W17" s="5">
        <v>14.632098351396849</v>
      </c>
      <c r="X17" s="5">
        <v>179.90099884726553</v>
      </c>
      <c r="Y17" s="5">
        <v>64.780934625342113</v>
      </c>
      <c r="Z17" s="5">
        <v>305.18363645045457</v>
      </c>
      <c r="AA17" s="5">
        <v>65.850397926445396</v>
      </c>
      <c r="AB17" s="5">
        <v>626.35546434186847</v>
      </c>
      <c r="AC17" s="5">
        <v>107.59969340462288</v>
      </c>
      <c r="AD17" s="6">
        <v>12138.782910511603</v>
      </c>
      <c r="AE17" s="5">
        <v>0.24953248485717544</v>
      </c>
      <c r="AF17" s="5">
        <v>43.697127502639752</v>
      </c>
      <c r="AG17" s="5">
        <v>147.7885735673857</v>
      </c>
      <c r="AH17" s="5">
        <v>173.58398017467283</v>
      </c>
    </row>
    <row r="18" spans="1:34" x14ac:dyDescent="0.25">
      <c r="A18" s="4" t="s">
        <v>757</v>
      </c>
      <c r="B18" s="4" t="s">
        <v>758</v>
      </c>
      <c r="C18" s="4">
        <v>7</v>
      </c>
      <c r="D18" s="4" t="s">
        <v>1080</v>
      </c>
      <c r="E18" s="5" t="s">
        <v>759</v>
      </c>
      <c r="F18" s="6">
        <v>206204.49655078459</v>
      </c>
      <c r="G18" s="5">
        <v>369.55952912255054</v>
      </c>
      <c r="H18" s="5">
        <v>76.968369832309847</v>
      </c>
      <c r="I18" s="5">
        <v>318.38779000967844</v>
      </c>
      <c r="J18" s="5">
        <v>13.541941933449316</v>
      </c>
      <c r="K18" s="5">
        <v>9.6965985334614455</v>
      </c>
      <c r="L18" s="5">
        <v>0.24224974260035259</v>
      </c>
      <c r="M18" s="6">
        <v>1497.5863420698242</v>
      </c>
      <c r="N18" s="5">
        <v>0.47024929882496158</v>
      </c>
      <c r="O18" s="5" t="s">
        <v>760</v>
      </c>
      <c r="P18" s="5">
        <v>3.0680040367652775E-2</v>
      </c>
      <c r="Q18" s="5">
        <v>10.073881272707686</v>
      </c>
      <c r="R18" s="5">
        <v>0.40267405780926074</v>
      </c>
      <c r="S18" s="5">
        <v>6.467897088845791</v>
      </c>
      <c r="T18" s="5">
        <v>10.701080383088707</v>
      </c>
      <c r="U18" s="5">
        <v>2.0723653247040472</v>
      </c>
      <c r="V18" s="5">
        <v>44.148880500149914</v>
      </c>
      <c r="W18" s="5">
        <v>13.619221904319575</v>
      </c>
      <c r="X18" s="5">
        <v>164.08732651575352</v>
      </c>
      <c r="Y18" s="5">
        <v>61.552840519639375</v>
      </c>
      <c r="Z18" s="5">
        <v>297.35279609086786</v>
      </c>
      <c r="AA18" s="5">
        <v>63.800157235802622</v>
      </c>
      <c r="AB18" s="5">
        <v>606.77705705591097</v>
      </c>
      <c r="AC18" s="5">
        <v>109.8055894938135</v>
      </c>
      <c r="AD18" s="6">
        <v>11794.948709162189</v>
      </c>
      <c r="AE18" s="5">
        <v>0.25321571352880062</v>
      </c>
      <c r="AF18" s="5">
        <v>43.033143315296293</v>
      </c>
      <c r="AG18" s="5">
        <v>146.14828511587007</v>
      </c>
      <c r="AH18" s="5">
        <v>184.14276806464676</v>
      </c>
    </row>
    <row r="19" spans="1:34" x14ac:dyDescent="0.25">
      <c r="A19" s="4" t="s">
        <v>761</v>
      </c>
      <c r="B19" s="4" t="s">
        <v>762</v>
      </c>
      <c r="C19" s="4">
        <v>8</v>
      </c>
      <c r="D19" s="4" t="s">
        <v>1080</v>
      </c>
      <c r="E19" s="5" t="s">
        <v>763</v>
      </c>
      <c r="F19" s="6">
        <v>210321.90091518388</v>
      </c>
      <c r="G19" s="5">
        <v>593.79936480371759</v>
      </c>
      <c r="H19" s="5">
        <v>70.07230512506365</v>
      </c>
      <c r="I19" s="5">
        <v>330.60363737131883</v>
      </c>
      <c r="J19" s="5">
        <v>8.6272277695068205</v>
      </c>
      <c r="K19" s="5" t="s">
        <v>764</v>
      </c>
      <c r="L19" s="5">
        <v>0.45268446601139578</v>
      </c>
      <c r="M19" s="6">
        <v>2648.9930712527043</v>
      </c>
      <c r="N19" s="5">
        <v>1.1850152368182514</v>
      </c>
      <c r="O19" s="5" t="s">
        <v>765</v>
      </c>
      <c r="P19" s="5">
        <v>1.7998762682459084E-2</v>
      </c>
      <c r="Q19" s="5">
        <v>19.569404515759228</v>
      </c>
      <c r="R19" s="5">
        <v>0.4272321507358311</v>
      </c>
      <c r="S19" s="5">
        <v>7.4061004058945956</v>
      </c>
      <c r="T19" s="5">
        <v>13.815004131987285</v>
      </c>
      <c r="U19" s="5">
        <v>2.4167363272160505</v>
      </c>
      <c r="V19" s="5">
        <v>67.905404034120679</v>
      </c>
      <c r="W19" s="5">
        <v>22.680909128874099</v>
      </c>
      <c r="X19" s="5">
        <v>296.06461150676034</v>
      </c>
      <c r="Y19" s="5">
        <v>112.27749842205822</v>
      </c>
      <c r="Z19" s="5">
        <v>540.03631717375538</v>
      </c>
      <c r="AA19" s="5">
        <v>117.69363633402072</v>
      </c>
      <c r="AB19" s="5">
        <v>1117.0996839946918</v>
      </c>
      <c r="AC19" s="5">
        <v>195.62139301514387</v>
      </c>
      <c r="AD19" s="6">
        <v>12571.383079294192</v>
      </c>
      <c r="AE19" s="5">
        <v>0.60070506600728468</v>
      </c>
      <c r="AF19" s="5">
        <v>76.641961388023248</v>
      </c>
      <c r="AG19" s="5">
        <v>262.57653719145901</v>
      </c>
      <c r="AH19" s="5">
        <v>323.37155968840665</v>
      </c>
    </row>
    <row r="20" spans="1:34" x14ac:dyDescent="0.25">
      <c r="A20" s="4" t="s">
        <v>802</v>
      </c>
      <c r="B20" s="4" t="s">
        <v>803</v>
      </c>
      <c r="C20" s="4">
        <v>17</v>
      </c>
      <c r="D20" s="4" t="s">
        <v>1081</v>
      </c>
      <c r="E20" s="5" t="s">
        <v>804</v>
      </c>
      <c r="F20" s="6">
        <v>196894.27683625117</v>
      </c>
      <c r="G20" s="5">
        <v>688.371816568094</v>
      </c>
      <c r="H20" s="5">
        <v>53.895304789231858</v>
      </c>
      <c r="I20" s="5">
        <v>360.41152208180478</v>
      </c>
      <c r="J20" s="5">
        <v>6.6811914538797623</v>
      </c>
      <c r="K20" s="5" t="s">
        <v>805</v>
      </c>
      <c r="L20" s="5">
        <v>0.45459409282989272</v>
      </c>
      <c r="M20" s="6">
        <v>2098.7323230497018</v>
      </c>
      <c r="N20" s="5">
        <v>3.222221647378761</v>
      </c>
      <c r="O20" s="5" t="s">
        <v>806</v>
      </c>
      <c r="P20" s="5">
        <v>5.2249362802046775E-3</v>
      </c>
      <c r="Q20" s="5">
        <v>34.936105019810299</v>
      </c>
      <c r="R20" s="5">
        <v>0.1347389914990221</v>
      </c>
      <c r="S20" s="5">
        <v>2.6374500976286033</v>
      </c>
      <c r="T20" s="5">
        <v>6.6830535138042064</v>
      </c>
      <c r="U20" s="5">
        <v>0.95282693826628473</v>
      </c>
      <c r="V20" s="5">
        <v>40.160538688342648</v>
      </c>
      <c r="W20" s="5">
        <v>14.673999279585036</v>
      </c>
      <c r="X20" s="5">
        <v>202.92201002615136</v>
      </c>
      <c r="Y20" s="5">
        <v>81.789147462935162</v>
      </c>
      <c r="Z20" s="5">
        <v>424.30870332351827</v>
      </c>
      <c r="AA20" s="5">
        <v>97.027821926759685</v>
      </c>
      <c r="AB20" s="5">
        <v>962.26372009948204</v>
      </c>
      <c r="AC20" s="5">
        <v>176.74180649727441</v>
      </c>
      <c r="AD20" s="6">
        <v>14131.575699544295</v>
      </c>
      <c r="AE20" s="5">
        <v>1.3174974219657629</v>
      </c>
      <c r="AF20" s="5">
        <v>78.597294088085178</v>
      </c>
      <c r="AG20" s="5">
        <v>282.1486766860794</v>
      </c>
      <c r="AH20" s="5">
        <v>500.17808345310078</v>
      </c>
    </row>
    <row r="21" spans="1:34" x14ac:dyDescent="0.25">
      <c r="A21" s="4" t="s">
        <v>810</v>
      </c>
      <c r="B21" s="4" t="s">
        <v>811</v>
      </c>
      <c r="C21" s="4">
        <v>19</v>
      </c>
      <c r="D21" s="4" t="s">
        <v>1081</v>
      </c>
      <c r="E21" s="5" t="s">
        <v>812</v>
      </c>
      <c r="F21" s="6">
        <v>198270.10354371011</v>
      </c>
      <c r="G21" s="5">
        <v>651.89714029505876</v>
      </c>
      <c r="H21" s="5">
        <v>69.43583508456058</v>
      </c>
      <c r="I21" s="5">
        <v>404.00392731029541</v>
      </c>
      <c r="J21" s="5">
        <v>11.917208133505969</v>
      </c>
      <c r="K21" s="5" t="s">
        <v>813</v>
      </c>
      <c r="L21" s="5">
        <v>0.39204484776227322</v>
      </c>
      <c r="M21" s="6">
        <v>1766.5806105702347</v>
      </c>
      <c r="N21" s="5">
        <v>2.5337539954788486</v>
      </c>
      <c r="O21" s="5" t="s">
        <v>814</v>
      </c>
      <c r="P21" s="5">
        <v>5.7866343347443422E-3</v>
      </c>
      <c r="Q21" s="5">
        <v>19.719466888407634</v>
      </c>
      <c r="R21" s="5">
        <v>0.14677821904426458</v>
      </c>
      <c r="S21" s="5">
        <v>2.8570965575258076</v>
      </c>
      <c r="T21" s="5">
        <v>6.5556247418365068</v>
      </c>
      <c r="U21" s="5">
        <v>1.2586093415926232</v>
      </c>
      <c r="V21" s="5">
        <v>35.808054060337277</v>
      </c>
      <c r="W21" s="5">
        <v>12.699411976395242</v>
      </c>
      <c r="X21" s="5">
        <v>175.63646033744342</v>
      </c>
      <c r="Y21" s="5">
        <v>70.539536634117169</v>
      </c>
      <c r="Z21" s="5">
        <v>368.58292628616465</v>
      </c>
      <c r="AA21" s="5">
        <v>85.618663364168384</v>
      </c>
      <c r="AB21" s="5">
        <v>875.74635187486547</v>
      </c>
      <c r="AC21" s="5">
        <v>161.48980839477136</v>
      </c>
      <c r="AD21" s="6">
        <v>11529.736391000961</v>
      </c>
      <c r="AE21" s="5">
        <v>0.92079002303450586</v>
      </c>
      <c r="AF21" s="5">
        <v>38.77619495624409</v>
      </c>
      <c r="AG21" s="5">
        <v>135.62810562826954</v>
      </c>
      <c r="AH21" s="5">
        <v>275.07135254385787</v>
      </c>
    </row>
    <row r="22" spans="1:34" x14ac:dyDescent="0.25">
      <c r="A22" s="4" t="s">
        <v>824</v>
      </c>
      <c r="B22" s="4" t="s">
        <v>825</v>
      </c>
      <c r="C22" s="4">
        <v>21</v>
      </c>
      <c r="D22" s="4" t="s">
        <v>1081</v>
      </c>
      <c r="E22" s="5" t="s">
        <v>826</v>
      </c>
      <c r="F22" s="6">
        <v>198318.93773434899</v>
      </c>
      <c r="G22" s="5">
        <v>515.99893889502744</v>
      </c>
      <c r="H22" s="5">
        <v>72.458216266285476</v>
      </c>
      <c r="I22" s="5">
        <v>355.02051432839221</v>
      </c>
      <c r="J22" s="5">
        <v>13.320706256943575</v>
      </c>
      <c r="K22" s="5" t="s">
        <v>827</v>
      </c>
      <c r="L22" s="5">
        <v>0.24149877950621085</v>
      </c>
      <c r="M22" s="6">
        <v>1050.6261351634489</v>
      </c>
      <c r="N22" s="5">
        <v>0.95519238099442605</v>
      </c>
      <c r="O22" s="5" t="s">
        <v>828</v>
      </c>
      <c r="P22" s="5">
        <v>3.7552179301970847E-3</v>
      </c>
      <c r="Q22" s="5">
        <v>9.7471183457311028</v>
      </c>
      <c r="R22" s="5">
        <v>0.11870244045952474</v>
      </c>
      <c r="S22" s="5">
        <v>1.9730195702269713</v>
      </c>
      <c r="T22" s="5">
        <v>4.4355617312580646</v>
      </c>
      <c r="U22" s="5">
        <v>0.84131192343976657</v>
      </c>
      <c r="V22" s="5">
        <v>22.429561319691995</v>
      </c>
      <c r="W22" s="5">
        <v>7.6148806943038263</v>
      </c>
      <c r="X22" s="5">
        <v>100.77585635346256</v>
      </c>
      <c r="Y22" s="5">
        <v>40.599483263653163</v>
      </c>
      <c r="Z22" s="5">
        <v>212.27796454240871</v>
      </c>
      <c r="AA22" s="5">
        <v>50.980522492437686</v>
      </c>
      <c r="AB22" s="5">
        <v>531.5675103302641</v>
      </c>
      <c r="AC22" s="5">
        <v>102.63500257292172</v>
      </c>
      <c r="AD22" s="6">
        <v>11140.164503978513</v>
      </c>
      <c r="AE22" s="5">
        <v>0.4885497949587792</v>
      </c>
      <c r="AF22" s="5">
        <v>29.085295381355166</v>
      </c>
      <c r="AG22" s="5">
        <v>102.84881040729432</v>
      </c>
      <c r="AH22" s="5">
        <v>249.85785507401769</v>
      </c>
    </row>
    <row r="23" spans="1:34" x14ac:dyDescent="0.25">
      <c r="A23" s="4" t="s">
        <v>888</v>
      </c>
      <c r="B23" s="4" t="s">
        <v>889</v>
      </c>
      <c r="C23" s="4">
        <v>35</v>
      </c>
      <c r="D23" s="4" t="s">
        <v>1081</v>
      </c>
      <c r="E23" s="5">
        <v>2.977295089677499</v>
      </c>
      <c r="F23" s="6">
        <v>169166.87083068103</v>
      </c>
      <c r="G23" s="5">
        <v>356.23092323265854</v>
      </c>
      <c r="H23" s="5" t="s">
        <v>890</v>
      </c>
      <c r="I23" s="5">
        <v>292.46518255581981</v>
      </c>
      <c r="J23" s="5">
        <v>7.7461350822818797</v>
      </c>
      <c r="K23" s="5">
        <v>21.316227731727157</v>
      </c>
      <c r="L23" s="5">
        <v>0.3893967053069447</v>
      </c>
      <c r="M23" s="6">
        <v>2080.4641610397671</v>
      </c>
      <c r="N23" s="5">
        <v>0.85707254668655342</v>
      </c>
      <c r="O23" s="5" t="s">
        <v>891</v>
      </c>
      <c r="P23" s="5">
        <v>7.4236765499440444E-2</v>
      </c>
      <c r="Q23" s="5">
        <v>16.514591743979093</v>
      </c>
      <c r="R23" s="5">
        <v>0.36709599747954202</v>
      </c>
      <c r="S23" s="5">
        <v>5.715406438935438</v>
      </c>
      <c r="T23" s="5">
        <v>9.9618444774635631</v>
      </c>
      <c r="U23" s="5">
        <v>2.3621265950668748</v>
      </c>
      <c r="V23" s="5">
        <v>50.968992496202638</v>
      </c>
      <c r="W23" s="5">
        <v>16.363252907418488</v>
      </c>
      <c r="X23" s="5">
        <v>204.8670273046387</v>
      </c>
      <c r="Y23" s="5">
        <v>77.74081247886636</v>
      </c>
      <c r="Z23" s="5">
        <v>374.98171497372664</v>
      </c>
      <c r="AA23" s="5">
        <v>79.289074835982873</v>
      </c>
      <c r="AB23" s="5">
        <v>742.53152842919087</v>
      </c>
      <c r="AC23" s="5">
        <v>136.74568183410176</v>
      </c>
      <c r="AD23" s="6">
        <v>11368.604721734442</v>
      </c>
      <c r="AE23" s="5">
        <v>0.4021662473967767</v>
      </c>
      <c r="AF23" s="5">
        <v>40.897900816216243</v>
      </c>
      <c r="AG23" s="5">
        <v>155.45797473961804</v>
      </c>
      <c r="AH23" s="5">
        <v>196.80586913487411</v>
      </c>
    </row>
    <row r="24" spans="1:34" x14ac:dyDescent="0.25">
      <c r="A24" s="4" t="s">
        <v>892</v>
      </c>
      <c r="B24" s="4" t="s">
        <v>893</v>
      </c>
      <c r="C24" s="4">
        <v>35</v>
      </c>
      <c r="D24" s="4" t="s">
        <v>1081</v>
      </c>
      <c r="E24" s="5" t="s">
        <v>894</v>
      </c>
      <c r="F24" s="6">
        <v>170460.18103075196</v>
      </c>
      <c r="G24" s="5">
        <v>380.90049582921455</v>
      </c>
      <c r="H24" s="5">
        <v>35.812411017220512</v>
      </c>
      <c r="I24" s="5">
        <v>297.92297384690539</v>
      </c>
      <c r="J24" s="5">
        <v>9.1385539137925385</v>
      </c>
      <c r="K24" s="5">
        <v>7.4514155836582034</v>
      </c>
      <c r="L24" s="5">
        <v>0.34663073017653523</v>
      </c>
      <c r="M24" s="6">
        <v>2395.6058493658916</v>
      </c>
      <c r="N24" s="5">
        <v>1.0179969587626929</v>
      </c>
      <c r="O24" s="5" t="s">
        <v>895</v>
      </c>
      <c r="P24" s="5">
        <v>1.4069652625820817E-2</v>
      </c>
      <c r="Q24" s="5">
        <v>16.650248798319627</v>
      </c>
      <c r="R24" s="5">
        <v>0.31545024624891344</v>
      </c>
      <c r="S24" s="5">
        <v>5.7513871612907916</v>
      </c>
      <c r="T24" s="5">
        <v>11.342057870307215</v>
      </c>
      <c r="U24" s="5">
        <v>2.1103402941286591</v>
      </c>
      <c r="V24" s="5">
        <v>55.482591406268739</v>
      </c>
      <c r="W24" s="5">
        <v>18.724372531028223</v>
      </c>
      <c r="X24" s="5">
        <v>236.59702269217675</v>
      </c>
      <c r="Y24" s="5">
        <v>88.821719684324563</v>
      </c>
      <c r="Z24" s="5">
        <v>434.82073636403862</v>
      </c>
      <c r="AA24" s="5">
        <v>92.014339963649576</v>
      </c>
      <c r="AB24" s="5">
        <v>865.78881019197183</v>
      </c>
      <c r="AC24" s="5">
        <v>153.34561027146046</v>
      </c>
      <c r="AD24" s="6">
        <v>10867.188427698635</v>
      </c>
      <c r="AE24" s="5">
        <v>0.4290900125912393</v>
      </c>
      <c r="AF24" s="5">
        <v>48.135589942880578</v>
      </c>
      <c r="AG24" s="5">
        <v>186.04429010192246</v>
      </c>
      <c r="AH24" s="5">
        <v>229.54847458630383</v>
      </c>
    </row>
    <row r="25" spans="1:34" x14ac:dyDescent="0.25">
      <c r="A25" s="4" t="s">
        <v>370</v>
      </c>
      <c r="B25" s="4" t="s">
        <v>371</v>
      </c>
      <c r="C25" s="4">
        <v>3</v>
      </c>
      <c r="D25" s="4" t="s">
        <v>1081</v>
      </c>
      <c r="E25" s="5" t="s">
        <v>372</v>
      </c>
      <c r="F25" s="6">
        <v>172275.28600313116</v>
      </c>
      <c r="G25" s="5">
        <v>566.86203855483052</v>
      </c>
      <c r="H25" s="5" t="s">
        <v>373</v>
      </c>
      <c r="I25" s="5">
        <v>348.45964095355868</v>
      </c>
      <c r="J25" s="5">
        <v>7.0839204881718256</v>
      </c>
      <c r="K25" s="5" t="s">
        <v>374</v>
      </c>
      <c r="L25" s="5">
        <v>0.33921224227763097</v>
      </c>
      <c r="M25" s="6">
        <v>1705.5158170160043</v>
      </c>
      <c r="N25" s="5">
        <v>2.6228028510000732</v>
      </c>
      <c r="O25" s="5" t="s">
        <v>375</v>
      </c>
      <c r="P25" s="5">
        <v>4.5475075203094042E-3</v>
      </c>
      <c r="Q25" s="5">
        <v>20.563952284359342</v>
      </c>
      <c r="R25" s="5">
        <v>0.10762628582405374</v>
      </c>
      <c r="S25" s="5">
        <v>2.2927132030832911</v>
      </c>
      <c r="T25" s="5">
        <v>5.2118655572607491</v>
      </c>
      <c r="U25" s="5">
        <v>0.94734324100722267</v>
      </c>
      <c r="V25" s="5">
        <v>31.914617389864819</v>
      </c>
      <c r="W25" s="5">
        <v>11.541955442234045</v>
      </c>
      <c r="X25" s="5">
        <v>157.63040052668441</v>
      </c>
      <c r="Y25" s="5">
        <v>65.701590838177694</v>
      </c>
      <c r="Z25" s="5">
        <v>350.50686603925868</v>
      </c>
      <c r="AA25" s="5">
        <v>80.218821377388991</v>
      </c>
      <c r="AB25" s="5">
        <v>804.38259423131831</v>
      </c>
      <c r="AC25" s="5">
        <v>165.1447980569846</v>
      </c>
      <c r="AD25" s="6">
        <v>13397.468803953698</v>
      </c>
      <c r="AE25" s="5">
        <v>1.0528889863915161</v>
      </c>
      <c r="AF25" s="5">
        <v>37.017038864476888</v>
      </c>
      <c r="AG25" s="5">
        <v>144.51638191442865</v>
      </c>
      <c r="AH25" s="5">
        <v>320.78553176895815</v>
      </c>
    </row>
    <row r="26" spans="1:34" x14ac:dyDescent="0.25">
      <c r="A26" s="4" t="s">
        <v>929</v>
      </c>
      <c r="B26" s="4" t="s">
        <v>930</v>
      </c>
      <c r="C26" s="4">
        <v>41</v>
      </c>
      <c r="D26" s="4" t="s">
        <v>1081</v>
      </c>
      <c r="E26" s="5" t="s">
        <v>931</v>
      </c>
      <c r="F26" s="6">
        <v>184699.29247818596</v>
      </c>
      <c r="G26" s="5">
        <v>301.47842416948174</v>
      </c>
      <c r="H26" s="5" t="s">
        <v>932</v>
      </c>
      <c r="I26" s="5">
        <v>282.87251692623084</v>
      </c>
      <c r="J26" s="5">
        <v>5.4295566800375763</v>
      </c>
      <c r="K26" s="5">
        <v>4.5064831838043578</v>
      </c>
      <c r="L26" s="5">
        <v>0.21512845416922649</v>
      </c>
      <c r="M26" s="6">
        <v>1278.6705676358306</v>
      </c>
      <c r="N26" s="5">
        <v>0.53298971968062292</v>
      </c>
      <c r="O26" s="5">
        <v>0.25297238701902497</v>
      </c>
      <c r="P26" s="5"/>
      <c r="Q26" s="5">
        <v>12.64710168942068</v>
      </c>
      <c r="R26" s="5">
        <v>5.6196020248150805E-2</v>
      </c>
      <c r="S26" s="5">
        <v>1.5222844049413189</v>
      </c>
      <c r="T26" s="5">
        <v>4.50554453056154</v>
      </c>
      <c r="U26" s="5">
        <v>0.90020348793488703</v>
      </c>
      <c r="V26" s="5">
        <v>26.724574467673218</v>
      </c>
      <c r="W26" s="5">
        <v>9.3244158474778729</v>
      </c>
      <c r="X26" s="5">
        <v>122.08831883686592</v>
      </c>
      <c r="Y26" s="5">
        <v>47.804269789328139</v>
      </c>
      <c r="Z26" s="5">
        <v>238.77633103110014</v>
      </c>
      <c r="AA26" s="5">
        <v>52.517920257289575</v>
      </c>
      <c r="AB26" s="5">
        <v>508.99544879916186</v>
      </c>
      <c r="AC26" s="5">
        <v>95.396330887517024</v>
      </c>
      <c r="AD26" s="6">
        <v>11311.421349735496</v>
      </c>
      <c r="AE26" s="5">
        <v>0.3123066377245089</v>
      </c>
      <c r="AF26" s="5">
        <v>34.30502653526846</v>
      </c>
      <c r="AG26" s="5">
        <v>124.55498726051411</v>
      </c>
      <c r="AH26" s="5">
        <v>191.33045040097636</v>
      </c>
    </row>
    <row r="27" spans="1:34" x14ac:dyDescent="0.25">
      <c r="A27" s="4" t="s">
        <v>773</v>
      </c>
      <c r="B27" s="4" t="s">
        <v>774</v>
      </c>
      <c r="C27" s="4">
        <v>10</v>
      </c>
      <c r="D27" s="4" t="s">
        <v>1081</v>
      </c>
      <c r="E27" s="5" t="s">
        <v>775</v>
      </c>
      <c r="F27" s="6">
        <v>205585.7718066159</v>
      </c>
      <c r="G27" s="5">
        <v>614.9596792760143</v>
      </c>
      <c r="H27" s="5">
        <v>55.358548773206977</v>
      </c>
      <c r="I27" s="5">
        <v>320.73492731293368</v>
      </c>
      <c r="J27" s="5">
        <v>10.949210846907924</v>
      </c>
      <c r="K27" s="5" t="s">
        <v>776</v>
      </c>
      <c r="L27" s="5">
        <v>0.2134472991113994</v>
      </c>
      <c r="M27" s="6">
        <v>1206.5755714296913</v>
      </c>
      <c r="N27" s="5">
        <v>0.9122254638769578</v>
      </c>
      <c r="O27" s="5" t="s">
        <v>777</v>
      </c>
      <c r="P27" s="5">
        <v>5.7794963315101946E-3</v>
      </c>
      <c r="Q27" s="5">
        <v>15.668113414645312</v>
      </c>
      <c r="R27" s="5">
        <v>0.10587550344869766</v>
      </c>
      <c r="S27" s="5">
        <v>2.2038799132220457</v>
      </c>
      <c r="T27" s="5">
        <v>4.7877027684508393</v>
      </c>
      <c r="U27" s="5">
        <v>1.0052937994399813</v>
      </c>
      <c r="V27" s="5">
        <v>27.078492454289218</v>
      </c>
      <c r="W27" s="5">
        <v>9.3716405028795702</v>
      </c>
      <c r="X27" s="5">
        <v>124.92897957423537</v>
      </c>
      <c r="Y27" s="5">
        <v>47.586080145062482</v>
      </c>
      <c r="Z27" s="5">
        <v>239.69054870962219</v>
      </c>
      <c r="AA27" s="5">
        <v>53.503699598956928</v>
      </c>
      <c r="AB27" s="5">
        <v>516.02643397878683</v>
      </c>
      <c r="AC27" s="5">
        <v>98.749697229030218</v>
      </c>
      <c r="AD27" s="6">
        <v>11603.834470250293</v>
      </c>
      <c r="AE27" s="5">
        <v>0.49408229680935184</v>
      </c>
      <c r="AF27" s="5">
        <v>43.575207039907085</v>
      </c>
      <c r="AG27" s="5">
        <v>149.0531207666771</v>
      </c>
      <c r="AH27" s="5">
        <v>261.9786385580004</v>
      </c>
    </row>
    <row r="28" spans="1:34" x14ac:dyDescent="0.25">
      <c r="A28" s="4" t="s">
        <v>778</v>
      </c>
      <c r="B28" s="4" t="s">
        <v>779</v>
      </c>
      <c r="C28" s="4">
        <v>12</v>
      </c>
      <c r="D28" s="4" t="s">
        <v>1081</v>
      </c>
      <c r="E28" s="5" t="s">
        <v>780</v>
      </c>
      <c r="F28" s="6">
        <v>190755.15269070456</v>
      </c>
      <c r="G28" s="5">
        <v>542.00601718562552</v>
      </c>
      <c r="H28" s="5">
        <v>41.277822027078017</v>
      </c>
      <c r="I28" s="5">
        <v>307.70257004126239</v>
      </c>
      <c r="J28" s="5">
        <v>8.1412394477559733</v>
      </c>
      <c r="K28" s="5">
        <v>11.360502934010889</v>
      </c>
      <c r="L28" s="5">
        <v>0.45713412094193678</v>
      </c>
      <c r="M28" s="6">
        <v>2707.2725406378863</v>
      </c>
      <c r="N28" s="5">
        <v>1.1460123494562793</v>
      </c>
      <c r="O28" s="5" t="s">
        <v>781</v>
      </c>
      <c r="P28" s="5">
        <v>1.5885111358593045E-2</v>
      </c>
      <c r="Q28" s="5">
        <v>20.334240764976194</v>
      </c>
      <c r="R28" s="5">
        <v>0.3770030055086992</v>
      </c>
      <c r="S28" s="5">
        <v>6.6093795382991125</v>
      </c>
      <c r="T28" s="5">
        <v>12.700670327065163</v>
      </c>
      <c r="U28" s="5">
        <v>2.0207905453560397</v>
      </c>
      <c r="V28" s="5">
        <v>63.274636153210608</v>
      </c>
      <c r="W28" s="5">
        <v>20.732066439453334</v>
      </c>
      <c r="X28" s="5">
        <v>276.73800811272901</v>
      </c>
      <c r="Y28" s="5">
        <v>107.47447445352419</v>
      </c>
      <c r="Z28" s="5">
        <v>539.50357324492757</v>
      </c>
      <c r="AA28" s="5">
        <v>114.26508606504693</v>
      </c>
      <c r="AB28" s="5">
        <v>1104.4012306715613</v>
      </c>
      <c r="AC28" s="5">
        <v>202.69546841221026</v>
      </c>
      <c r="AD28" s="6">
        <v>12516.410647319872</v>
      </c>
      <c r="AE28" s="5">
        <v>0.63408734227497443</v>
      </c>
      <c r="AF28" s="5">
        <v>93.774578681541939</v>
      </c>
      <c r="AG28" s="5">
        <v>324.71004659802185</v>
      </c>
      <c r="AH28" s="5">
        <v>410.76835805901777</v>
      </c>
    </row>
    <row r="29" spans="1:34" x14ac:dyDescent="0.25">
      <c r="A29" s="4" t="s">
        <v>782</v>
      </c>
      <c r="B29" s="4" t="s">
        <v>783</v>
      </c>
      <c r="C29" s="4">
        <v>12</v>
      </c>
      <c r="D29" s="4" t="s">
        <v>1081</v>
      </c>
      <c r="E29" s="5" t="s">
        <v>784</v>
      </c>
      <c r="F29" s="6">
        <v>194330.87439590198</v>
      </c>
      <c r="G29" s="5">
        <v>531.8794653995966</v>
      </c>
      <c r="H29" s="5">
        <v>46.825005123677101</v>
      </c>
      <c r="I29" s="5">
        <v>302.02946744822458</v>
      </c>
      <c r="J29" s="5">
        <v>6.3041622663679453</v>
      </c>
      <c r="K29" s="5">
        <v>16.190469219183896</v>
      </c>
      <c r="L29" s="5">
        <v>0.43240166346068165</v>
      </c>
      <c r="M29" s="6">
        <v>2641.5241641882262</v>
      </c>
      <c r="N29" s="5">
        <v>1.175979776670016</v>
      </c>
      <c r="O29" s="5" t="s">
        <v>785</v>
      </c>
      <c r="P29" s="5">
        <v>1.815767782324736E-2</v>
      </c>
      <c r="Q29" s="5">
        <v>19.714786795378032</v>
      </c>
      <c r="R29" s="5">
        <v>0.33860644300716902</v>
      </c>
      <c r="S29" s="5">
        <v>6.4768765386986287</v>
      </c>
      <c r="T29" s="5">
        <v>11.846326761232671</v>
      </c>
      <c r="U29" s="5">
        <v>2.025422052801217</v>
      </c>
      <c r="V29" s="5">
        <v>59.73530371327093</v>
      </c>
      <c r="W29" s="5">
        <v>20.536549490786712</v>
      </c>
      <c r="X29" s="5">
        <v>268.33953331281253</v>
      </c>
      <c r="Y29" s="5">
        <v>103.47601591845176</v>
      </c>
      <c r="Z29" s="5">
        <v>525.90231739196531</v>
      </c>
      <c r="AA29" s="5">
        <v>112.35404479729061</v>
      </c>
      <c r="AB29" s="5">
        <v>1067.4251892915177</v>
      </c>
      <c r="AC29" s="5">
        <v>197.15321987571349</v>
      </c>
      <c r="AD29" s="6">
        <v>12670.911440314434</v>
      </c>
      <c r="AE29" s="5">
        <v>0.5906291849275922</v>
      </c>
      <c r="AF29" s="5">
        <v>88.748804714910733</v>
      </c>
      <c r="AG29" s="5">
        <v>310.12506044488009</v>
      </c>
      <c r="AH29" s="5">
        <v>389.90317770338123</v>
      </c>
    </row>
    <row r="30" spans="1:34" x14ac:dyDescent="0.25">
      <c r="A30" s="4" t="s">
        <v>786</v>
      </c>
      <c r="B30" s="4" t="s">
        <v>787</v>
      </c>
      <c r="C30" s="4">
        <v>13</v>
      </c>
      <c r="D30" s="4" t="s">
        <v>1081</v>
      </c>
      <c r="E30" s="5" t="s">
        <v>788</v>
      </c>
      <c r="F30" s="6">
        <v>195098.52563603377</v>
      </c>
      <c r="G30" s="5">
        <v>483.31495597839336</v>
      </c>
      <c r="H30" s="5">
        <v>74.911095879578369</v>
      </c>
      <c r="I30" s="5">
        <v>321.96023190703545</v>
      </c>
      <c r="J30" s="5">
        <v>9.8489644612854903</v>
      </c>
      <c r="K30" s="5">
        <v>18.328702132557819</v>
      </c>
      <c r="L30" s="5">
        <v>0.34141828055759488</v>
      </c>
      <c r="M30" s="6">
        <v>1601.3487371435876</v>
      </c>
      <c r="N30" s="5">
        <v>0.85922333893651981</v>
      </c>
      <c r="O30" s="5">
        <v>0.17063323644010375</v>
      </c>
      <c r="P30" s="5">
        <v>1.2191526738788396E-2</v>
      </c>
      <c r="Q30" s="5">
        <v>13.179678678121466</v>
      </c>
      <c r="R30" s="5">
        <v>0.20620658535828174</v>
      </c>
      <c r="S30" s="5">
        <v>3.5329661072836873</v>
      </c>
      <c r="T30" s="5">
        <v>6.9742461857883882</v>
      </c>
      <c r="U30" s="5">
        <v>1.2640260185455003</v>
      </c>
      <c r="V30" s="5">
        <v>36.050146055834311</v>
      </c>
      <c r="W30" s="5">
        <v>12.366455904253321</v>
      </c>
      <c r="X30" s="5">
        <v>160.70163169269719</v>
      </c>
      <c r="Y30" s="5">
        <v>63.048019168070255</v>
      </c>
      <c r="Z30" s="5">
        <v>316.73881129447773</v>
      </c>
      <c r="AA30" s="5">
        <v>69.936020330519383</v>
      </c>
      <c r="AB30" s="5">
        <v>684.25294736205365</v>
      </c>
      <c r="AC30" s="5">
        <v>127.06869097722246</v>
      </c>
      <c r="AD30" s="6">
        <v>10949.665422427299</v>
      </c>
      <c r="AE30" s="5">
        <v>0.52768901771847154</v>
      </c>
      <c r="AF30" s="5">
        <v>39.64394875177387</v>
      </c>
      <c r="AG30" s="5">
        <v>142.04350729657349</v>
      </c>
      <c r="AH30" s="5">
        <v>227.38562208654798</v>
      </c>
    </row>
    <row r="31" spans="1:34" x14ac:dyDescent="0.25">
      <c r="A31" s="4" t="s">
        <v>789</v>
      </c>
      <c r="B31" s="4" t="s">
        <v>790</v>
      </c>
      <c r="C31" s="4">
        <v>14</v>
      </c>
      <c r="D31" s="4" t="s">
        <v>1081</v>
      </c>
      <c r="E31" s="5">
        <v>7.9835938033213294</v>
      </c>
      <c r="F31" s="6">
        <v>192864.1464417729</v>
      </c>
      <c r="G31" s="5">
        <v>407.13759013104726</v>
      </c>
      <c r="H31" s="5">
        <v>66.698509229729908</v>
      </c>
      <c r="I31" s="5">
        <v>314.46930274238082</v>
      </c>
      <c r="J31" s="5">
        <v>13.499929201592932</v>
      </c>
      <c r="K31" s="5">
        <v>12.502044937848577</v>
      </c>
      <c r="L31" s="5">
        <v>0.25893883726822875</v>
      </c>
      <c r="M31" s="6">
        <v>852.91385581374391</v>
      </c>
      <c r="N31" s="5">
        <v>0.63598414258884239</v>
      </c>
      <c r="O31" s="5">
        <v>0.18241282492074881</v>
      </c>
      <c r="P31" s="5">
        <v>5.549490227474565E-3</v>
      </c>
      <c r="Q31" s="5">
        <v>8.8265189305339025</v>
      </c>
      <c r="R31" s="5">
        <v>8.5664262848549375E-2</v>
      </c>
      <c r="S31" s="5">
        <v>1.6392729367485719</v>
      </c>
      <c r="T31" s="5">
        <v>3.8431603618820689</v>
      </c>
      <c r="U31" s="5">
        <v>0.73976203276461616</v>
      </c>
      <c r="V31" s="5">
        <v>18.980797990931645</v>
      </c>
      <c r="W31" s="5">
        <v>6.5287861272309913</v>
      </c>
      <c r="X31" s="5">
        <v>83.093175706713083</v>
      </c>
      <c r="Y31" s="5">
        <v>32.270591976318727</v>
      </c>
      <c r="Z31" s="5">
        <v>165.65728778023936</v>
      </c>
      <c r="AA31" s="5">
        <v>37.347833368487507</v>
      </c>
      <c r="AB31" s="5">
        <v>372.93012539774577</v>
      </c>
      <c r="AC31" s="5">
        <v>72.648855753997182</v>
      </c>
      <c r="AD31" s="6">
        <v>11102.914532261659</v>
      </c>
      <c r="AE31" s="5">
        <v>0.2964598608239073</v>
      </c>
      <c r="AF31" s="5">
        <v>24.959915478757274</v>
      </c>
      <c r="AG31" s="5">
        <v>90.806855978466587</v>
      </c>
      <c r="AH31" s="5">
        <v>169.80917241071879</v>
      </c>
    </row>
    <row r="32" spans="1:34" x14ac:dyDescent="0.25">
      <c r="A32" s="4" t="s">
        <v>791</v>
      </c>
      <c r="B32" s="4" t="s">
        <v>792</v>
      </c>
      <c r="C32" s="4">
        <v>15</v>
      </c>
      <c r="D32" s="4" t="s">
        <v>1081</v>
      </c>
      <c r="E32" s="5">
        <v>7.1755618148509424</v>
      </c>
      <c r="F32" s="6">
        <v>198846.26655570682</v>
      </c>
      <c r="G32" s="5">
        <v>338.0819275694862</v>
      </c>
      <c r="H32" s="5">
        <v>46.845703505009077</v>
      </c>
      <c r="I32" s="5">
        <v>309.22369438461976</v>
      </c>
      <c r="J32" s="5">
        <v>10.533587077978968</v>
      </c>
      <c r="K32" s="5">
        <v>56.995556943165838</v>
      </c>
      <c r="L32" s="5">
        <v>0.20580797043456414</v>
      </c>
      <c r="M32" s="6">
        <v>1344.0973905977028</v>
      </c>
      <c r="N32" s="5">
        <v>0.45594053750799046</v>
      </c>
      <c r="O32" s="5">
        <v>0.1703043464877399</v>
      </c>
      <c r="P32" s="5">
        <v>4.6625893808124996E-3</v>
      </c>
      <c r="Q32" s="5">
        <v>9.7113133152983604</v>
      </c>
      <c r="R32" s="5">
        <v>0.12774834197293378</v>
      </c>
      <c r="S32" s="5">
        <v>2.9683823474296793</v>
      </c>
      <c r="T32" s="5">
        <v>7.3034442844756775</v>
      </c>
      <c r="U32" s="5">
        <v>1.5155057772050629</v>
      </c>
      <c r="V32" s="5">
        <v>37.099020795696397</v>
      </c>
      <c r="W32" s="5">
        <v>11.807154322434611</v>
      </c>
      <c r="X32" s="5">
        <v>149.20815150184274</v>
      </c>
      <c r="Y32" s="5">
        <v>54.313994939366367</v>
      </c>
      <c r="Z32" s="5">
        <v>257.70225046563377</v>
      </c>
      <c r="AA32" s="5">
        <v>55.096470343400632</v>
      </c>
      <c r="AB32" s="5">
        <v>517.86931591527809</v>
      </c>
      <c r="AC32" s="5">
        <v>92.932109140545691</v>
      </c>
      <c r="AD32" s="6">
        <v>11877.167328520389</v>
      </c>
      <c r="AE32" s="5">
        <v>0.21951116646275629</v>
      </c>
      <c r="AF32" s="5">
        <v>27.816986173290999</v>
      </c>
      <c r="AG32" s="5">
        <v>98.529690702871648</v>
      </c>
      <c r="AH32" s="5">
        <v>119.4046871278866</v>
      </c>
    </row>
    <row r="33" spans="1:34" x14ac:dyDescent="0.25">
      <c r="A33" s="4" t="s">
        <v>793</v>
      </c>
      <c r="B33" s="4" t="s">
        <v>794</v>
      </c>
      <c r="C33" s="4">
        <v>16</v>
      </c>
      <c r="D33" s="4" t="s">
        <v>1081</v>
      </c>
      <c r="E33" s="5" t="s">
        <v>795</v>
      </c>
      <c r="F33" s="6">
        <v>202104.45830391708</v>
      </c>
      <c r="G33" s="5">
        <v>502.96346760702886</v>
      </c>
      <c r="H33" s="5">
        <v>56.255063794171946</v>
      </c>
      <c r="I33" s="5">
        <v>327.01263192752094</v>
      </c>
      <c r="J33" s="5">
        <v>11.58742204898719</v>
      </c>
      <c r="K33" s="5">
        <v>8.1569796581212497</v>
      </c>
      <c r="L33" s="5">
        <v>0.23225849722007599</v>
      </c>
      <c r="M33" s="6">
        <v>1097.6307305631744</v>
      </c>
      <c r="N33" s="5">
        <v>0.73839117507933483</v>
      </c>
      <c r="O33" s="5" t="s">
        <v>796</v>
      </c>
      <c r="P33" s="5">
        <v>5.7344980530243134E-3</v>
      </c>
      <c r="Q33" s="5">
        <v>9.7628609419657248</v>
      </c>
      <c r="R33" s="5">
        <v>0.11822814184274356</v>
      </c>
      <c r="S33" s="5">
        <v>2.2350496519283873</v>
      </c>
      <c r="T33" s="5">
        <v>4.7107496367772281</v>
      </c>
      <c r="U33" s="5">
        <v>1.0052776079222836</v>
      </c>
      <c r="V33" s="5">
        <v>25.448968623275256</v>
      </c>
      <c r="W33" s="5">
        <v>8.3968136727594977</v>
      </c>
      <c r="X33" s="5">
        <v>109.59486037872949</v>
      </c>
      <c r="Y33" s="5">
        <v>42.979993830067571</v>
      </c>
      <c r="Z33" s="5">
        <v>219.56921557858678</v>
      </c>
      <c r="AA33" s="5">
        <v>49.899549733849071</v>
      </c>
      <c r="AB33" s="5">
        <v>497.50188636194844</v>
      </c>
      <c r="AC33" s="5">
        <v>97.037348137801516</v>
      </c>
      <c r="AD33" s="6">
        <v>11393.798957175057</v>
      </c>
      <c r="AE33" s="5">
        <v>0.47940325713099252</v>
      </c>
      <c r="AF33" s="5">
        <v>26.715841648271137</v>
      </c>
      <c r="AG33" s="5">
        <v>91.634282918594792</v>
      </c>
      <c r="AH33" s="5">
        <v>178.69587201473897</v>
      </c>
    </row>
    <row r="34" spans="1:34" x14ac:dyDescent="0.25">
      <c r="A34" s="4" t="s">
        <v>797</v>
      </c>
      <c r="B34" s="4" t="s">
        <v>798</v>
      </c>
      <c r="C34" s="4">
        <v>16</v>
      </c>
      <c r="D34" s="4" t="s">
        <v>1081</v>
      </c>
      <c r="E34" s="5" t="s">
        <v>799</v>
      </c>
      <c r="F34" s="6">
        <v>191226.67956478623</v>
      </c>
      <c r="G34" s="5">
        <v>320.4641804531247</v>
      </c>
      <c r="H34" s="5">
        <v>52.815689819293489</v>
      </c>
      <c r="I34" s="5">
        <v>310.30877450964965</v>
      </c>
      <c r="J34" s="5">
        <v>12.956067689096518</v>
      </c>
      <c r="K34" s="5" t="s">
        <v>800</v>
      </c>
      <c r="L34" s="5">
        <v>0.25190407253257513</v>
      </c>
      <c r="M34" s="6">
        <v>1404.021388499965</v>
      </c>
      <c r="N34" s="5">
        <v>0.40254009148892067</v>
      </c>
      <c r="O34" s="5" t="s">
        <v>801</v>
      </c>
      <c r="P34" s="5">
        <v>1.4306616539916168E-2</v>
      </c>
      <c r="Q34" s="5">
        <v>9.6168116040553606</v>
      </c>
      <c r="R34" s="5">
        <v>0.29164348042940141</v>
      </c>
      <c r="S34" s="5">
        <v>5.0468098385717592</v>
      </c>
      <c r="T34" s="5">
        <v>9.4917847634035208</v>
      </c>
      <c r="U34" s="5">
        <v>1.7786867648194431</v>
      </c>
      <c r="V34" s="5">
        <v>41.361169367908822</v>
      </c>
      <c r="W34" s="5">
        <v>12.68964615467584</v>
      </c>
      <c r="X34" s="5">
        <v>153.98606236850128</v>
      </c>
      <c r="Y34" s="5">
        <v>56.44403996444693</v>
      </c>
      <c r="Z34" s="5">
        <v>268.9341104301289</v>
      </c>
      <c r="AA34" s="5">
        <v>57.089426485891693</v>
      </c>
      <c r="AB34" s="5">
        <v>536.02298118021156</v>
      </c>
      <c r="AC34" s="5">
        <v>95.563111117744938</v>
      </c>
      <c r="AD34" s="6">
        <v>11656.832266835921</v>
      </c>
      <c r="AE34" s="5">
        <v>0.1965512487271297</v>
      </c>
      <c r="AF34" s="5">
        <v>30.701928853680823</v>
      </c>
      <c r="AG34" s="5">
        <v>113.06670809569948</v>
      </c>
      <c r="AH34" s="5">
        <v>135.71549647224961</v>
      </c>
    </row>
    <row r="35" spans="1:34" x14ac:dyDescent="0.25">
      <c r="A35" s="4" t="s">
        <v>807</v>
      </c>
      <c r="B35" s="4" t="s">
        <v>808</v>
      </c>
      <c r="C35" s="4">
        <v>18</v>
      </c>
      <c r="D35" s="4" t="s">
        <v>1081</v>
      </c>
      <c r="E35" s="5">
        <v>1.2999397203561986</v>
      </c>
      <c r="F35" s="6">
        <v>198897.75572064338</v>
      </c>
      <c r="G35" s="5">
        <v>539.54124761083551</v>
      </c>
      <c r="H35" s="5">
        <v>68.913411192344938</v>
      </c>
      <c r="I35" s="5">
        <v>307.32309104337327</v>
      </c>
      <c r="J35" s="5">
        <v>6.5503528031461418</v>
      </c>
      <c r="K35" s="5" t="s">
        <v>809</v>
      </c>
      <c r="L35" s="5">
        <v>0.33803740801809051</v>
      </c>
      <c r="M35" s="6">
        <v>1294.3520515791672</v>
      </c>
      <c r="N35" s="5">
        <v>1.4046041231579076</v>
      </c>
      <c r="O35" s="5">
        <v>0.22580829189431337</v>
      </c>
      <c r="P35" s="5">
        <v>6.2449060343975323E-3</v>
      </c>
      <c r="Q35" s="5">
        <v>22.632568763913337</v>
      </c>
      <c r="R35" s="5">
        <v>8.7209557590054401E-2</v>
      </c>
      <c r="S35" s="5">
        <v>1.8699463629608977</v>
      </c>
      <c r="T35" s="5">
        <v>4.6011643000545286</v>
      </c>
      <c r="U35" s="5">
        <v>0.73719039903513683</v>
      </c>
      <c r="V35" s="5">
        <v>27.134964444753759</v>
      </c>
      <c r="W35" s="5">
        <v>9.8072742138237885</v>
      </c>
      <c r="X35" s="5">
        <v>131.49740046307119</v>
      </c>
      <c r="Y35" s="5">
        <v>51.314103131596362</v>
      </c>
      <c r="Z35" s="5">
        <v>259.6812626056697</v>
      </c>
      <c r="AA35" s="5">
        <v>57.51033159330634</v>
      </c>
      <c r="AB35" s="5">
        <v>557.73282044497125</v>
      </c>
      <c r="AC35" s="5">
        <v>99.319957947960901</v>
      </c>
      <c r="AD35" s="6">
        <v>12364.675672690766</v>
      </c>
      <c r="AE35" s="5">
        <v>0.62763352862764077</v>
      </c>
      <c r="AF35" s="5">
        <v>53.254088966379214</v>
      </c>
      <c r="AG35" s="5">
        <v>188.51126434307861</v>
      </c>
      <c r="AH35" s="5">
        <v>298.876821725757</v>
      </c>
    </row>
    <row r="36" spans="1:34" x14ac:dyDescent="0.25">
      <c r="A36" s="4" t="s">
        <v>343</v>
      </c>
      <c r="B36" s="4" t="s">
        <v>344</v>
      </c>
      <c r="C36" s="4">
        <v>1</v>
      </c>
      <c r="D36" s="4" t="s">
        <v>1081</v>
      </c>
      <c r="E36" s="5" t="s">
        <v>345</v>
      </c>
      <c r="F36" s="6">
        <v>179645.22144990804</v>
      </c>
      <c r="G36" s="5">
        <v>603.79206293053562</v>
      </c>
      <c r="H36" s="5" t="s">
        <v>346</v>
      </c>
      <c r="I36" s="5">
        <v>330.00196610015098</v>
      </c>
      <c r="J36" s="5">
        <v>11.857219500032366</v>
      </c>
      <c r="K36" s="5">
        <v>9.5878877786722825</v>
      </c>
      <c r="L36" s="5">
        <v>0.25239332369047446</v>
      </c>
      <c r="M36" s="6">
        <v>1366.6244333876289</v>
      </c>
      <c r="N36" s="5">
        <v>1.2774117047922433</v>
      </c>
      <c r="O36" s="5" t="s">
        <v>347</v>
      </c>
      <c r="P36" s="5">
        <v>8.1929762371182047E-3</v>
      </c>
      <c r="Q36" s="5">
        <v>17.904625896617606</v>
      </c>
      <c r="R36" s="5">
        <v>0.13386205326353048</v>
      </c>
      <c r="S36" s="5">
        <v>2.3057897458167278</v>
      </c>
      <c r="T36" s="5">
        <v>5.1976857135907464</v>
      </c>
      <c r="U36" s="5">
        <v>1.0432575854718775</v>
      </c>
      <c r="V36" s="5">
        <v>29.92531951226086</v>
      </c>
      <c r="W36" s="5">
        <v>10.384923106173874</v>
      </c>
      <c r="X36" s="5">
        <v>133.18305146929157</v>
      </c>
      <c r="Y36" s="5">
        <v>53.338705911032939</v>
      </c>
      <c r="Z36" s="5">
        <v>270.51957995909407</v>
      </c>
      <c r="AA36" s="5">
        <v>58.255121314541789</v>
      </c>
      <c r="AB36" s="5">
        <v>558.15285040265383</v>
      </c>
      <c r="AC36" s="5">
        <v>113.79845651277715</v>
      </c>
      <c r="AD36" s="6">
        <v>11741.949621757811</v>
      </c>
      <c r="AE36" s="5">
        <v>0.58356576099692081</v>
      </c>
      <c r="AF36" s="5">
        <v>41.802225701692102</v>
      </c>
      <c r="AG36" s="5">
        <v>150.89200357824794</v>
      </c>
      <c r="AH36" s="5">
        <v>218.38413565943932</v>
      </c>
    </row>
    <row r="37" spans="1:34" x14ac:dyDescent="0.25">
      <c r="A37" s="4" t="s">
        <v>348</v>
      </c>
      <c r="B37" s="4" t="s">
        <v>349</v>
      </c>
      <c r="C37" s="4">
        <v>1</v>
      </c>
      <c r="D37" s="4" t="s">
        <v>1081</v>
      </c>
      <c r="E37" s="5">
        <v>5.542763591454217</v>
      </c>
      <c r="F37" s="6">
        <v>176144.6387705192</v>
      </c>
      <c r="G37" s="5">
        <v>446.20727701022344</v>
      </c>
      <c r="H37" s="5" t="s">
        <v>350</v>
      </c>
      <c r="I37" s="5">
        <v>315.68550130847927</v>
      </c>
      <c r="J37" s="5">
        <v>9.7652914538146902</v>
      </c>
      <c r="K37" s="5">
        <v>15.629440181031592</v>
      </c>
      <c r="L37" s="5">
        <v>0.33452818779529142</v>
      </c>
      <c r="M37" s="6">
        <v>2182.7618329044963</v>
      </c>
      <c r="N37" s="5">
        <v>0.80881419370295371</v>
      </c>
      <c r="O37" s="5" t="s">
        <v>351</v>
      </c>
      <c r="P37" s="5">
        <v>7.4588752475146106E-3</v>
      </c>
      <c r="Q37" s="5">
        <v>16.116877034132408</v>
      </c>
      <c r="R37" s="5">
        <v>0.30546282502431787</v>
      </c>
      <c r="S37" s="5">
        <v>5.7396653290342012</v>
      </c>
      <c r="T37" s="5">
        <v>11.739282627891377</v>
      </c>
      <c r="U37" s="5">
        <v>2.4073809484374973</v>
      </c>
      <c r="V37" s="5">
        <v>61.782435697722065</v>
      </c>
      <c r="W37" s="5">
        <v>19.462626510913765</v>
      </c>
      <c r="X37" s="5">
        <v>238.40787298409771</v>
      </c>
      <c r="Y37" s="5">
        <v>88.002891804906994</v>
      </c>
      <c r="Z37" s="5">
        <v>414.38368713063943</v>
      </c>
      <c r="AA37" s="5">
        <v>84.343007124907189</v>
      </c>
      <c r="AB37" s="5">
        <v>775.47401479204314</v>
      </c>
      <c r="AC37" s="5">
        <v>147.91187402516542</v>
      </c>
      <c r="AD37" s="6">
        <v>12052.857429643262</v>
      </c>
      <c r="AE37" s="5">
        <v>0.38049118832404344</v>
      </c>
      <c r="AF37" s="5">
        <v>42.273549194142802</v>
      </c>
      <c r="AG37" s="5">
        <v>155.14873824050815</v>
      </c>
      <c r="AH37" s="5">
        <v>173.26610302544222</v>
      </c>
    </row>
    <row r="38" spans="1:34" x14ac:dyDescent="0.25">
      <c r="A38" s="4" t="s">
        <v>352</v>
      </c>
      <c r="B38" s="4" t="s">
        <v>353</v>
      </c>
      <c r="C38" s="4">
        <v>1</v>
      </c>
      <c r="D38" s="4" t="s">
        <v>1081</v>
      </c>
      <c r="E38" s="5">
        <v>0.79614720392084293</v>
      </c>
      <c r="F38" s="6">
        <v>164412.83676206891</v>
      </c>
      <c r="G38" s="5">
        <v>515.90417121648909</v>
      </c>
      <c r="H38" s="5" t="s">
        <v>354</v>
      </c>
      <c r="I38" s="5">
        <v>336.77488709500125</v>
      </c>
      <c r="J38" s="5">
        <v>12.832474183907674</v>
      </c>
      <c r="K38" s="5">
        <v>20.642023560041711</v>
      </c>
      <c r="L38" s="5">
        <v>0.22083945720016218</v>
      </c>
      <c r="M38" s="6">
        <v>1448.8458579783521</v>
      </c>
      <c r="N38" s="5">
        <v>1.3978591996482876</v>
      </c>
      <c r="O38" s="5" t="s">
        <v>355</v>
      </c>
      <c r="P38" s="5">
        <v>1.3515372852285207E-2</v>
      </c>
      <c r="Q38" s="5">
        <v>19.924813743273941</v>
      </c>
      <c r="R38" s="5">
        <v>0.16104575966507428</v>
      </c>
      <c r="S38" s="5">
        <v>2.8675759573939783</v>
      </c>
      <c r="T38" s="5">
        <v>5.6304227406312499</v>
      </c>
      <c r="U38" s="5">
        <v>1.1852511168742292</v>
      </c>
      <c r="V38" s="5">
        <v>33.584452538515798</v>
      </c>
      <c r="W38" s="5">
        <v>11.359255494681397</v>
      </c>
      <c r="X38" s="5">
        <v>143.83928692699882</v>
      </c>
      <c r="Y38" s="5">
        <v>56.149336365475925</v>
      </c>
      <c r="Z38" s="5">
        <v>282.94016687271915</v>
      </c>
      <c r="AA38" s="5">
        <v>60.668503439952076</v>
      </c>
      <c r="AB38" s="5">
        <v>579.64787855962823</v>
      </c>
      <c r="AC38" s="5">
        <v>109.47557647994074</v>
      </c>
      <c r="AD38" s="6">
        <v>10999.374132456927</v>
      </c>
      <c r="AE38" s="5">
        <v>0.69056950873320455</v>
      </c>
      <c r="AF38" s="5">
        <v>46.834692032880696</v>
      </c>
      <c r="AG38" s="5">
        <v>168.86468458910525</v>
      </c>
      <c r="AH38" s="5">
        <v>218.80847478814059</v>
      </c>
    </row>
    <row r="39" spans="1:34" x14ac:dyDescent="0.25">
      <c r="A39" s="4" t="s">
        <v>819</v>
      </c>
      <c r="B39" s="4" t="s">
        <v>820</v>
      </c>
      <c r="C39" s="4">
        <v>20</v>
      </c>
      <c r="D39" s="4" t="s">
        <v>1081</v>
      </c>
      <c r="E39" s="5" t="s">
        <v>821</v>
      </c>
      <c r="F39" s="6">
        <v>200832.08352896367</v>
      </c>
      <c r="G39" s="5">
        <v>447.41237055267982</v>
      </c>
      <c r="H39" s="5">
        <v>66.542643678557624</v>
      </c>
      <c r="I39" s="5">
        <v>327.7754871095479</v>
      </c>
      <c r="J39" s="5">
        <v>17.2678244690537</v>
      </c>
      <c r="K39" s="5" t="s">
        <v>822</v>
      </c>
      <c r="L39" s="5">
        <v>0.25675473505184515</v>
      </c>
      <c r="M39" s="6">
        <v>990.74421473801738</v>
      </c>
      <c r="N39" s="5">
        <v>0.63825988368736086</v>
      </c>
      <c r="O39" s="5" t="s">
        <v>823</v>
      </c>
      <c r="P39" s="5">
        <v>1.3950817238694449E-2</v>
      </c>
      <c r="Q39" s="5">
        <v>9.3891705684258291</v>
      </c>
      <c r="R39" s="5">
        <v>0.1662287024096186</v>
      </c>
      <c r="S39" s="5">
        <v>3.0428510291392112</v>
      </c>
      <c r="T39" s="5">
        <v>5.008742831162559</v>
      </c>
      <c r="U39" s="5">
        <v>0.98089148245412239</v>
      </c>
      <c r="V39" s="5">
        <v>23.939439637801264</v>
      </c>
      <c r="W39" s="5">
        <v>7.9480350586876289</v>
      </c>
      <c r="X39" s="5">
        <v>101.01924481277464</v>
      </c>
      <c r="Y39" s="5">
        <v>39.531576862064554</v>
      </c>
      <c r="Z39" s="5">
        <v>200.65799421751802</v>
      </c>
      <c r="AA39" s="5">
        <v>45.996609975986487</v>
      </c>
      <c r="AB39" s="5">
        <v>458.10432705598822</v>
      </c>
      <c r="AC39" s="5">
        <v>83.508765283082667</v>
      </c>
      <c r="AD39" s="6">
        <v>12249.516813315386</v>
      </c>
      <c r="AE39" s="5">
        <v>0.42827285872950777</v>
      </c>
      <c r="AF39" s="5">
        <v>51.936882688736652</v>
      </c>
      <c r="AG39" s="5">
        <v>182.04386599028771</v>
      </c>
      <c r="AH39" s="5">
        <v>298.52498825055045</v>
      </c>
    </row>
    <row r="40" spans="1:34" x14ac:dyDescent="0.25">
      <c r="A40" s="4" t="s">
        <v>829</v>
      </c>
      <c r="B40" s="4" t="s">
        <v>830</v>
      </c>
      <c r="C40" s="4">
        <v>21</v>
      </c>
      <c r="D40" s="4" t="s">
        <v>1081</v>
      </c>
      <c r="E40" s="5" t="s">
        <v>831</v>
      </c>
      <c r="F40" s="6">
        <v>199400.66210636563</v>
      </c>
      <c r="G40" s="5">
        <v>701.14145012843278</v>
      </c>
      <c r="H40" s="5">
        <v>64.44064422829247</v>
      </c>
      <c r="I40" s="5">
        <v>363.82333338655951</v>
      </c>
      <c r="J40" s="5">
        <v>11.010057767335063</v>
      </c>
      <c r="K40" s="5" t="s">
        <v>832</v>
      </c>
      <c r="L40" s="5">
        <v>0.35932740701194754</v>
      </c>
      <c r="M40" s="6">
        <v>1855.7469724609209</v>
      </c>
      <c r="N40" s="5">
        <v>1.3018376349996361</v>
      </c>
      <c r="O40" s="5">
        <v>0.19945097958356747</v>
      </c>
      <c r="P40" s="5">
        <v>1.3463998535706512E-2</v>
      </c>
      <c r="Q40" s="5">
        <v>30.393875015843054</v>
      </c>
      <c r="R40" s="5">
        <v>0.23260070715941841</v>
      </c>
      <c r="S40" s="5">
        <v>4.2399891031860255</v>
      </c>
      <c r="T40" s="5">
        <v>8.0851235131061774</v>
      </c>
      <c r="U40" s="5">
        <v>1.2837981297980858</v>
      </c>
      <c r="V40" s="5">
        <v>41.828797087124677</v>
      </c>
      <c r="W40" s="5">
        <v>14.171935859516806</v>
      </c>
      <c r="X40" s="5">
        <v>182.30412304345583</v>
      </c>
      <c r="Y40" s="5">
        <v>71.888499897574945</v>
      </c>
      <c r="Z40" s="5">
        <v>362.71417419517229</v>
      </c>
      <c r="AA40" s="5">
        <v>80.965088343742536</v>
      </c>
      <c r="AB40" s="5">
        <v>777.22483018359856</v>
      </c>
      <c r="AC40" s="5">
        <v>138.16979877037167</v>
      </c>
      <c r="AD40" s="6">
        <v>11291.14371371167</v>
      </c>
      <c r="AE40" s="5">
        <v>0.64316262127036961</v>
      </c>
      <c r="AF40" s="5">
        <v>216.36563363950756</v>
      </c>
      <c r="AG40" s="5">
        <v>761.42153266747221</v>
      </c>
      <c r="AH40" s="5">
        <v>818.98085023499266</v>
      </c>
    </row>
    <row r="41" spans="1:34" s="2" customFormat="1" x14ac:dyDescent="0.25">
      <c r="A41" s="4" t="s">
        <v>833</v>
      </c>
      <c r="B41" s="4" t="s">
        <v>834</v>
      </c>
      <c r="C41" s="4">
        <v>22</v>
      </c>
      <c r="D41" s="4" t="s">
        <v>1081</v>
      </c>
      <c r="E41" s="5">
        <v>3.7108031557497783</v>
      </c>
      <c r="F41" s="6">
        <v>201884.97262888507</v>
      </c>
      <c r="G41" s="5">
        <v>575.83615243828535</v>
      </c>
      <c r="H41" s="5">
        <v>68.05423840206322</v>
      </c>
      <c r="I41" s="5">
        <v>334.19464768627603</v>
      </c>
      <c r="J41" s="5">
        <v>8.4599246994205419</v>
      </c>
      <c r="K41" s="5">
        <v>30.241669718290616</v>
      </c>
      <c r="L41" s="5">
        <v>0.33415881348523524</v>
      </c>
      <c r="M41" s="6">
        <v>1404.7311159131741</v>
      </c>
      <c r="N41" s="5">
        <v>1.123895881871118</v>
      </c>
      <c r="O41" s="5" t="s">
        <v>835</v>
      </c>
      <c r="P41" s="5"/>
      <c r="Q41" s="5">
        <v>22.033535869364183</v>
      </c>
      <c r="R41" s="5">
        <v>0.14333402317058941</v>
      </c>
      <c r="S41" s="5">
        <v>2.8071077821099939</v>
      </c>
      <c r="T41" s="5">
        <v>5.8005306305909405</v>
      </c>
      <c r="U41" s="5">
        <v>1.0054843423584905</v>
      </c>
      <c r="V41" s="5">
        <v>31.605999329693574</v>
      </c>
      <c r="W41" s="5">
        <v>10.815770395010139</v>
      </c>
      <c r="X41" s="5">
        <v>143.1859393952405</v>
      </c>
      <c r="Y41" s="5">
        <v>55.339851662225527</v>
      </c>
      <c r="Z41" s="5">
        <v>280.38800741897018</v>
      </c>
      <c r="AA41" s="5">
        <v>64.751294446600269</v>
      </c>
      <c r="AB41" s="5">
        <v>639.00349480503451</v>
      </c>
      <c r="AC41" s="5">
        <v>111.54422252167274</v>
      </c>
      <c r="AD41" s="6">
        <v>11852.110842771914</v>
      </c>
      <c r="AE41" s="5">
        <v>0.52895501968462966</v>
      </c>
      <c r="AF41" s="5">
        <v>65.554926343971175</v>
      </c>
      <c r="AG41" s="5">
        <v>227.48664992130742</v>
      </c>
      <c r="AH41" s="5">
        <v>342.58701045073576</v>
      </c>
    </row>
    <row r="42" spans="1:34" x14ac:dyDescent="0.25">
      <c r="A42" s="4" t="s">
        <v>836</v>
      </c>
      <c r="B42" s="4" t="s">
        <v>837</v>
      </c>
      <c r="C42" s="4">
        <v>23</v>
      </c>
      <c r="D42" s="4" t="s">
        <v>1081</v>
      </c>
      <c r="E42" s="5">
        <v>2.6254315570869764</v>
      </c>
      <c r="F42" s="6">
        <v>207295.75751396499</v>
      </c>
      <c r="G42" s="5">
        <v>421.22324035197681</v>
      </c>
      <c r="H42" s="5">
        <v>103.23963134786284</v>
      </c>
      <c r="I42" s="5">
        <v>315.78730777375904</v>
      </c>
      <c r="J42" s="5">
        <v>12.182828731143331</v>
      </c>
      <c r="K42" s="5">
        <v>255.90096802070747</v>
      </c>
      <c r="L42" s="5">
        <v>0.75332215358682286</v>
      </c>
      <c r="M42" s="6">
        <v>1812.4133037946117</v>
      </c>
      <c r="N42" s="5">
        <v>0.51464908642102603</v>
      </c>
      <c r="O42" s="5" t="s">
        <v>838</v>
      </c>
      <c r="P42" s="5">
        <v>1.4055078435374693E-2</v>
      </c>
      <c r="Q42" s="5">
        <v>12.007448122961707</v>
      </c>
      <c r="R42" s="5">
        <v>0.34244672303445839</v>
      </c>
      <c r="S42" s="5">
        <v>6.664579841956896</v>
      </c>
      <c r="T42" s="5">
        <v>11.247146292079464</v>
      </c>
      <c r="U42" s="5">
        <v>2.128410826608345</v>
      </c>
      <c r="V42" s="5">
        <v>50.003340702613649</v>
      </c>
      <c r="W42" s="5">
        <v>16.077449295635304</v>
      </c>
      <c r="X42" s="5">
        <v>198.45445884845449</v>
      </c>
      <c r="Y42" s="5">
        <v>74.509834612881022</v>
      </c>
      <c r="Z42" s="5">
        <v>357.50733535283507</v>
      </c>
      <c r="AA42" s="5">
        <v>76.178836845572391</v>
      </c>
      <c r="AB42" s="5">
        <v>720.26857056373376</v>
      </c>
      <c r="AC42" s="5">
        <v>127.93591637515088</v>
      </c>
      <c r="AD42" s="6">
        <v>11582.466766905321</v>
      </c>
      <c r="AE42" s="5">
        <v>0.32586902667526729</v>
      </c>
      <c r="AF42" s="5">
        <v>43.176222196610183</v>
      </c>
      <c r="AG42" s="5">
        <v>151.09130330213006</v>
      </c>
      <c r="AH42" s="5">
        <v>182.65918058767284</v>
      </c>
    </row>
    <row r="43" spans="1:34" x14ac:dyDescent="0.25">
      <c r="A43" s="4" t="s">
        <v>839</v>
      </c>
      <c r="B43" s="4" t="s">
        <v>840</v>
      </c>
      <c r="C43" s="4">
        <v>23</v>
      </c>
      <c r="D43" s="4" t="s">
        <v>1081</v>
      </c>
      <c r="E43" s="5">
        <v>0.78404737635406008</v>
      </c>
      <c r="F43" s="6">
        <v>209750.22936006467</v>
      </c>
      <c r="G43" s="5">
        <v>528.50318631437699</v>
      </c>
      <c r="H43" s="5">
        <v>73.928309050759282</v>
      </c>
      <c r="I43" s="5">
        <v>346.0751530765823</v>
      </c>
      <c r="J43" s="5">
        <v>13.281961955610189</v>
      </c>
      <c r="K43" s="5" t="s">
        <v>841</v>
      </c>
      <c r="L43" s="5">
        <v>0.20713203186947654</v>
      </c>
      <c r="M43" s="6">
        <v>1072.4851335258422</v>
      </c>
      <c r="N43" s="5">
        <v>0.96242886299534325</v>
      </c>
      <c r="O43" s="5" t="s">
        <v>842</v>
      </c>
      <c r="P43" s="5">
        <v>5.1141436157178697E-3</v>
      </c>
      <c r="Q43" s="5">
        <v>10.503863927921961</v>
      </c>
      <c r="R43" s="5">
        <v>8.5334913759529174E-2</v>
      </c>
      <c r="S43" s="5">
        <v>1.9848272136446434</v>
      </c>
      <c r="T43" s="5">
        <v>4.3322386996193645</v>
      </c>
      <c r="U43" s="5">
        <v>0.84090293394515925</v>
      </c>
      <c r="V43" s="5">
        <v>24.448348238788657</v>
      </c>
      <c r="W43" s="5">
        <v>8.0175159874548623</v>
      </c>
      <c r="X43" s="5">
        <v>107.93156099328866</v>
      </c>
      <c r="Y43" s="5">
        <v>42.5631944367708</v>
      </c>
      <c r="Z43" s="5">
        <v>223.09905869607016</v>
      </c>
      <c r="AA43" s="5">
        <v>52.4394088901402</v>
      </c>
      <c r="AB43" s="5">
        <v>538.41703963552675</v>
      </c>
      <c r="AC43" s="5">
        <v>105.68728366750229</v>
      </c>
      <c r="AD43" s="6">
        <v>11405.902919383598</v>
      </c>
      <c r="AE43" s="5">
        <v>0.53324928272981464</v>
      </c>
      <c r="AF43" s="5">
        <v>22.169441941168863</v>
      </c>
      <c r="AG43" s="5">
        <v>76.14762078789208</v>
      </c>
      <c r="AH43" s="5">
        <v>179.54889267930142</v>
      </c>
    </row>
    <row r="44" spans="1:34" x14ac:dyDescent="0.25">
      <c r="A44" s="4" t="s">
        <v>850</v>
      </c>
      <c r="B44" s="4" t="s">
        <v>851</v>
      </c>
      <c r="C44" s="4">
        <v>27</v>
      </c>
      <c r="D44" s="4" t="s">
        <v>1081</v>
      </c>
      <c r="E44" s="5" t="s">
        <v>852</v>
      </c>
      <c r="F44" s="6">
        <v>182838.52203273115</v>
      </c>
      <c r="G44" s="5">
        <v>476.33927649845145</v>
      </c>
      <c r="H44" s="5">
        <v>52.481371494884385</v>
      </c>
      <c r="I44" s="5">
        <v>354.83992721340866</v>
      </c>
      <c r="J44" s="5">
        <v>9.213522689312132</v>
      </c>
      <c r="K44" s="5">
        <v>12.354891957287947</v>
      </c>
      <c r="L44" s="5">
        <v>0.31733044933877075</v>
      </c>
      <c r="M44" s="6">
        <v>1226.7826444106504</v>
      </c>
      <c r="N44" s="5">
        <v>1.652752075543886</v>
      </c>
      <c r="O44" s="5">
        <v>0.25476578323135951</v>
      </c>
      <c r="P44" s="5">
        <v>3.9674815220210194E-3</v>
      </c>
      <c r="Q44" s="5">
        <v>14.076765999527183</v>
      </c>
      <c r="R44" s="5">
        <v>8.2658652308178537E-2</v>
      </c>
      <c r="S44" s="5">
        <v>1.6677048873010032</v>
      </c>
      <c r="T44" s="5">
        <v>4.2074949412519533</v>
      </c>
      <c r="U44" s="5">
        <v>0.77822748799178909</v>
      </c>
      <c r="V44" s="5">
        <v>25.022939468677013</v>
      </c>
      <c r="W44" s="5">
        <v>9.1197233425842619</v>
      </c>
      <c r="X44" s="5">
        <v>121.0560692662205</v>
      </c>
      <c r="Y44" s="5">
        <v>48.038592598736599</v>
      </c>
      <c r="Z44" s="5">
        <v>250.09033186781866</v>
      </c>
      <c r="AA44" s="5">
        <v>60.338784685126818</v>
      </c>
      <c r="AB44" s="5">
        <v>635.80104601947744</v>
      </c>
      <c r="AC44" s="5">
        <v>116.37744920144861</v>
      </c>
      <c r="AD44" s="6">
        <v>11526.569503451479</v>
      </c>
      <c r="AE44" s="5">
        <v>0.8418537665924386</v>
      </c>
      <c r="AF44" s="5">
        <v>22.075559146542393</v>
      </c>
      <c r="AG44" s="5">
        <v>81.269740201726492</v>
      </c>
      <c r="AH44" s="5">
        <v>208.47082561531957</v>
      </c>
    </row>
    <row r="45" spans="1:34" x14ac:dyDescent="0.25">
      <c r="A45" s="4" t="s">
        <v>853</v>
      </c>
      <c r="B45" s="4" t="s">
        <v>854</v>
      </c>
      <c r="C45" s="4">
        <v>28</v>
      </c>
      <c r="D45" s="4" t="s">
        <v>1081</v>
      </c>
      <c r="E45" s="5">
        <v>1.3723994815507283</v>
      </c>
      <c r="F45" s="6">
        <v>190907.81721933329</v>
      </c>
      <c r="G45" s="5">
        <v>499.38203751107443</v>
      </c>
      <c r="H45" s="5">
        <v>51.119848925429885</v>
      </c>
      <c r="I45" s="5">
        <v>319.0121246595096</v>
      </c>
      <c r="J45" s="5">
        <v>9.7702253698922288</v>
      </c>
      <c r="K45" s="5">
        <v>27.886565228376927</v>
      </c>
      <c r="L45" s="5">
        <v>0.42812306503608288</v>
      </c>
      <c r="M45" s="6">
        <v>2687.3866759226335</v>
      </c>
      <c r="N45" s="5">
        <v>1.0315077501126402</v>
      </c>
      <c r="O45" s="5">
        <v>0.15340052261386547</v>
      </c>
      <c r="P45" s="5">
        <v>2.5131217792648704E-2</v>
      </c>
      <c r="Q45" s="5">
        <v>18.732611200545222</v>
      </c>
      <c r="R45" s="5">
        <v>0.41197593285806777</v>
      </c>
      <c r="S45" s="5">
        <v>7.7286588343833671</v>
      </c>
      <c r="T45" s="5">
        <v>14.160496051902333</v>
      </c>
      <c r="U45" s="5">
        <v>2.5683150519311053</v>
      </c>
      <c r="V45" s="5">
        <v>70.091564425514278</v>
      </c>
      <c r="W45" s="5">
        <v>23.709192198451973</v>
      </c>
      <c r="X45" s="5">
        <v>295.51224268600282</v>
      </c>
      <c r="Y45" s="5">
        <v>109.85189733873341</v>
      </c>
      <c r="Z45" s="5">
        <v>520.34086661041817</v>
      </c>
      <c r="AA45" s="5">
        <v>111.11321436359042</v>
      </c>
      <c r="AB45" s="5">
        <v>1034.2233400248101</v>
      </c>
      <c r="AC45" s="5">
        <v>177.56883717429696</v>
      </c>
      <c r="AD45" s="6">
        <v>11444.312447308428</v>
      </c>
      <c r="AE45" s="5">
        <v>0.53701927439331332</v>
      </c>
      <c r="AF45" s="5">
        <v>61.339239713735942</v>
      </c>
      <c r="AG45" s="5">
        <v>228.33781521973097</v>
      </c>
      <c r="AH45" s="5">
        <v>267.1616941958946</v>
      </c>
    </row>
    <row r="46" spans="1:34" x14ac:dyDescent="0.25">
      <c r="A46" s="4" t="s">
        <v>855</v>
      </c>
      <c r="B46" s="4" t="s">
        <v>856</v>
      </c>
      <c r="C46" s="4">
        <v>29</v>
      </c>
      <c r="D46" s="4" t="s">
        <v>1081</v>
      </c>
      <c r="E46" s="5">
        <v>1.4511856802510885</v>
      </c>
      <c r="F46" s="6">
        <v>201635.88235315669</v>
      </c>
      <c r="G46" s="5">
        <v>565.96341003161433</v>
      </c>
      <c r="H46" s="5">
        <v>57.161590208659909</v>
      </c>
      <c r="I46" s="5">
        <v>306.15049260655542</v>
      </c>
      <c r="J46" s="5">
        <v>5.3423686213264441</v>
      </c>
      <c r="K46" s="5">
        <v>16.938535795809276</v>
      </c>
      <c r="L46" s="5">
        <v>0.34927376178921055</v>
      </c>
      <c r="M46" s="6">
        <v>2099.5453098867329</v>
      </c>
      <c r="N46" s="5">
        <v>0.72781697420260938</v>
      </c>
      <c r="O46" s="5" t="s">
        <v>857</v>
      </c>
      <c r="P46" s="5">
        <v>7.0457438634582608E-3</v>
      </c>
      <c r="Q46" s="5">
        <v>18.620500007695988</v>
      </c>
      <c r="R46" s="5">
        <v>0.20725233974441795</v>
      </c>
      <c r="S46" s="5">
        <v>4.1260169363698918</v>
      </c>
      <c r="T46" s="5">
        <v>9.2502829418247927</v>
      </c>
      <c r="U46" s="5">
        <v>1.5216586957850715</v>
      </c>
      <c r="V46" s="5">
        <v>49.721450085459303</v>
      </c>
      <c r="W46" s="5">
        <v>16.255622404549563</v>
      </c>
      <c r="X46" s="5">
        <v>209.32642058567632</v>
      </c>
      <c r="Y46" s="5">
        <v>82.523125067632677</v>
      </c>
      <c r="Z46" s="5">
        <v>411.77667665114558</v>
      </c>
      <c r="AA46" s="5">
        <v>88.097527760799579</v>
      </c>
      <c r="AB46" s="5">
        <v>834.7260755784198</v>
      </c>
      <c r="AC46" s="5">
        <v>151.00838639556474</v>
      </c>
      <c r="AD46" s="6">
        <v>13384.766295417949</v>
      </c>
      <c r="AE46" s="5">
        <v>0.40601471662922739</v>
      </c>
      <c r="AF46" s="5">
        <v>70.972290304665108</v>
      </c>
      <c r="AG46" s="5">
        <v>246.70901207013216</v>
      </c>
      <c r="AH46" s="5">
        <v>332.87527281165563</v>
      </c>
    </row>
    <row r="47" spans="1:34" x14ac:dyDescent="0.25">
      <c r="A47" s="4" t="s">
        <v>356</v>
      </c>
      <c r="B47" s="4" t="s">
        <v>357</v>
      </c>
      <c r="C47" s="4">
        <v>2</v>
      </c>
      <c r="D47" s="4" t="s">
        <v>1081</v>
      </c>
      <c r="E47" s="5" t="s">
        <v>358</v>
      </c>
      <c r="F47" s="6">
        <v>175210.53318445687</v>
      </c>
      <c r="G47" s="5">
        <v>394.98125031529577</v>
      </c>
      <c r="H47" s="5">
        <v>32.674436303837297</v>
      </c>
      <c r="I47" s="5">
        <v>307.24287650102997</v>
      </c>
      <c r="J47" s="5">
        <v>8.9515929164117978</v>
      </c>
      <c r="K47" s="5">
        <v>16.871193169294557</v>
      </c>
      <c r="L47" s="5">
        <v>0.29891440371394451</v>
      </c>
      <c r="M47" s="6">
        <v>1853.1186431497813</v>
      </c>
      <c r="N47" s="5">
        <v>0.67383314581177678</v>
      </c>
      <c r="O47" s="5" t="s">
        <v>359</v>
      </c>
      <c r="P47" s="5">
        <v>6.191207270740527E-3</v>
      </c>
      <c r="Q47" s="5">
        <v>14.74116252119134</v>
      </c>
      <c r="R47" s="5">
        <v>0.15460596134896276</v>
      </c>
      <c r="S47" s="5">
        <v>3.8172151129615974</v>
      </c>
      <c r="T47" s="5">
        <v>9.6789819816139548</v>
      </c>
      <c r="U47" s="5">
        <v>1.8155890104438677</v>
      </c>
      <c r="V47" s="5">
        <v>51.474414705826753</v>
      </c>
      <c r="W47" s="5">
        <v>16.530957277593046</v>
      </c>
      <c r="X47" s="5">
        <v>205.29555440631054</v>
      </c>
      <c r="Y47" s="5">
        <v>75.811958364924038</v>
      </c>
      <c r="Z47" s="5">
        <v>359.94621095443097</v>
      </c>
      <c r="AA47" s="5">
        <v>74.321649070979461</v>
      </c>
      <c r="AB47" s="5">
        <v>680.71927169688558</v>
      </c>
      <c r="AC47" s="5">
        <v>130.45951690498134</v>
      </c>
      <c r="AD47" s="6">
        <v>12507.734855464338</v>
      </c>
      <c r="AE47" s="5">
        <v>0.29779185782432149</v>
      </c>
      <c r="AF47" s="5">
        <v>32.224979797122984</v>
      </c>
      <c r="AG47" s="5">
        <v>126.41285192421999</v>
      </c>
      <c r="AH47" s="5">
        <v>150.57840738779916</v>
      </c>
    </row>
    <row r="48" spans="1:34" x14ac:dyDescent="0.25">
      <c r="A48" s="4" t="s">
        <v>360</v>
      </c>
      <c r="B48" s="4" t="s">
        <v>361</v>
      </c>
      <c r="C48" s="4">
        <v>2</v>
      </c>
      <c r="D48" s="4" t="s">
        <v>1081</v>
      </c>
      <c r="E48" s="5" t="s">
        <v>362</v>
      </c>
      <c r="F48" s="6">
        <v>177380.98214269965</v>
      </c>
      <c r="G48" s="5">
        <v>417.0757477704833</v>
      </c>
      <c r="H48" s="5" t="s">
        <v>363</v>
      </c>
      <c r="I48" s="5">
        <v>309.46383730397349</v>
      </c>
      <c r="J48" s="5">
        <v>9.2641369183182434</v>
      </c>
      <c r="K48" s="5">
        <v>9.7353902460073058</v>
      </c>
      <c r="L48" s="5">
        <v>0.35642722273194088</v>
      </c>
      <c r="M48" s="6">
        <v>2076.8188780652722</v>
      </c>
      <c r="N48" s="5">
        <v>0.71576785989199276</v>
      </c>
      <c r="O48" s="5" t="s">
        <v>364</v>
      </c>
      <c r="P48" s="5">
        <v>8.9135606087224969E-3</v>
      </c>
      <c r="Q48" s="5">
        <v>14.74802799479245</v>
      </c>
      <c r="R48" s="5">
        <v>0.23090254531964979</v>
      </c>
      <c r="S48" s="5">
        <v>4.4133231471686951</v>
      </c>
      <c r="T48" s="5">
        <v>10.455007770917225</v>
      </c>
      <c r="U48" s="5">
        <v>2.1828286640630581</v>
      </c>
      <c r="V48" s="5">
        <v>58.807165024663526</v>
      </c>
      <c r="W48" s="5">
        <v>18.117465112308057</v>
      </c>
      <c r="X48" s="5">
        <v>229.16109600145259</v>
      </c>
      <c r="Y48" s="5">
        <v>85.738113960485876</v>
      </c>
      <c r="Z48" s="5">
        <v>402.41852419314841</v>
      </c>
      <c r="AA48" s="5">
        <v>83.63190566828068</v>
      </c>
      <c r="AB48" s="5">
        <v>771.24213795083074</v>
      </c>
      <c r="AC48" s="5">
        <v>147.86525626849433</v>
      </c>
      <c r="AD48" s="6">
        <v>12613.554578371459</v>
      </c>
      <c r="AE48" s="5">
        <v>0.38819131815816355</v>
      </c>
      <c r="AF48" s="5">
        <v>38.204136925645564</v>
      </c>
      <c r="AG48" s="5">
        <v>148.39808867920885</v>
      </c>
      <c r="AH48" s="5">
        <v>170.43788418155285</v>
      </c>
    </row>
    <row r="49" spans="1:34" x14ac:dyDescent="0.25">
      <c r="A49" s="4" t="s">
        <v>858</v>
      </c>
      <c r="B49" s="4" t="s">
        <v>859</v>
      </c>
      <c r="C49" s="4">
        <v>30</v>
      </c>
      <c r="D49" s="4" t="s">
        <v>1081</v>
      </c>
      <c r="E49" s="5">
        <v>2.6763221730405742</v>
      </c>
      <c r="F49" s="6">
        <v>199879.41664345711</v>
      </c>
      <c r="G49" s="5">
        <v>396.14264194271794</v>
      </c>
      <c r="H49" s="5">
        <v>59.342869711005534</v>
      </c>
      <c r="I49" s="5">
        <v>306.68806374535717</v>
      </c>
      <c r="J49" s="5">
        <v>13.149045621568483</v>
      </c>
      <c r="K49" s="5">
        <v>18.27880898641536</v>
      </c>
      <c r="L49" s="5">
        <v>0.44056968332881885</v>
      </c>
      <c r="M49" s="6">
        <v>2100.2147170252711</v>
      </c>
      <c r="N49" s="5">
        <v>0.70114757855099574</v>
      </c>
      <c r="O49" s="5" t="s">
        <v>860</v>
      </c>
      <c r="P49" s="5">
        <v>5.0597628567480721E-2</v>
      </c>
      <c r="Q49" s="5">
        <v>11.935453117816243</v>
      </c>
      <c r="R49" s="5">
        <v>0.48078306024958228</v>
      </c>
      <c r="S49" s="5">
        <v>7.1906003103863458</v>
      </c>
      <c r="T49" s="5">
        <v>11.041835398572342</v>
      </c>
      <c r="U49" s="5">
        <v>1.994158490236307</v>
      </c>
      <c r="V49" s="5">
        <v>48.381371474111411</v>
      </c>
      <c r="W49" s="5">
        <v>15.064088189819007</v>
      </c>
      <c r="X49" s="5">
        <v>197.60144739792037</v>
      </c>
      <c r="Y49" s="5">
        <v>81.626845561496125</v>
      </c>
      <c r="Z49" s="5">
        <v>416.26754656786625</v>
      </c>
      <c r="AA49" s="5">
        <v>90.474373029333236</v>
      </c>
      <c r="AB49" s="5">
        <v>862.98335968343213</v>
      </c>
      <c r="AC49" s="5">
        <v>162.47916276728745</v>
      </c>
      <c r="AD49" s="6">
        <v>11629.29280324868</v>
      </c>
      <c r="AE49" s="5">
        <v>0.4779268360686047</v>
      </c>
      <c r="AF49" s="5">
        <v>85.505588491442978</v>
      </c>
      <c r="AG49" s="5">
        <v>311.59431145911157</v>
      </c>
      <c r="AH49" s="5">
        <v>379.7653224926749</v>
      </c>
    </row>
    <row r="50" spans="1:34" x14ac:dyDescent="0.25">
      <c r="A50" s="4" t="s">
        <v>861</v>
      </c>
      <c r="B50" s="4" t="s">
        <v>862</v>
      </c>
      <c r="C50" s="4">
        <v>31</v>
      </c>
      <c r="D50" s="4" t="s">
        <v>1081</v>
      </c>
      <c r="E50" s="5" t="s">
        <v>863</v>
      </c>
      <c r="F50" s="6">
        <v>192801.92108212149</v>
      </c>
      <c r="G50" s="5">
        <v>557.42022991064812</v>
      </c>
      <c r="H50" s="5">
        <v>71.626269524407945</v>
      </c>
      <c r="I50" s="5">
        <v>332.10275099098158</v>
      </c>
      <c r="J50" s="5">
        <v>9.5318230144303602</v>
      </c>
      <c r="K50" s="5" t="s">
        <v>864</v>
      </c>
      <c r="L50" s="5">
        <v>0.2489475913572487</v>
      </c>
      <c r="M50" s="6">
        <v>1247.0857486900727</v>
      </c>
      <c r="N50" s="5">
        <v>1.2591976972605232</v>
      </c>
      <c r="O50" s="5" t="s">
        <v>865</v>
      </c>
      <c r="P50" s="5">
        <v>5.7777531393207225E-3</v>
      </c>
      <c r="Q50" s="5">
        <v>17.833856945115809</v>
      </c>
      <c r="R50" s="5">
        <v>8.9131947307447501E-2</v>
      </c>
      <c r="S50" s="5">
        <v>2.095423265553229</v>
      </c>
      <c r="T50" s="5">
        <v>4.3378519742615174</v>
      </c>
      <c r="U50" s="5">
        <v>0.84784177957068985</v>
      </c>
      <c r="V50" s="5">
        <v>27.468434065645901</v>
      </c>
      <c r="W50" s="5">
        <v>9.5768798769783565</v>
      </c>
      <c r="X50" s="5">
        <v>124.62754606437406</v>
      </c>
      <c r="Y50" s="5">
        <v>48.972100545286501</v>
      </c>
      <c r="Z50" s="5">
        <v>249.69684733932885</v>
      </c>
      <c r="AA50" s="5">
        <v>55.983724271119883</v>
      </c>
      <c r="AB50" s="5">
        <v>549.1185226016994</v>
      </c>
      <c r="AC50" s="5">
        <v>101.51769875537438</v>
      </c>
      <c r="AD50" s="6">
        <v>12255.422182296228</v>
      </c>
      <c r="AE50" s="5">
        <v>0.6294761324280298</v>
      </c>
      <c r="AF50" s="5">
        <v>46.882028794978005</v>
      </c>
      <c r="AG50" s="5">
        <v>168.66168960534611</v>
      </c>
      <c r="AH50" s="5">
        <v>265.55181211566497</v>
      </c>
    </row>
    <row r="51" spans="1:34" x14ac:dyDescent="0.25">
      <c r="A51" s="4" t="s">
        <v>866</v>
      </c>
      <c r="B51" s="4" t="s">
        <v>867</v>
      </c>
      <c r="C51" s="4">
        <v>32</v>
      </c>
      <c r="D51" s="4" t="s">
        <v>1081</v>
      </c>
      <c r="E51" s="5">
        <v>3.8926017491909919</v>
      </c>
      <c r="F51" s="6">
        <v>196670.87231849661</v>
      </c>
      <c r="G51" s="5">
        <v>596.44028624472867</v>
      </c>
      <c r="H51" s="5">
        <v>60.800446315631852</v>
      </c>
      <c r="I51" s="5">
        <v>316.46408565544681</v>
      </c>
      <c r="J51" s="5">
        <v>6.1965573880168643</v>
      </c>
      <c r="K51" s="5">
        <v>13.056271501937484</v>
      </c>
      <c r="L51" s="5">
        <v>0.43919407293360446</v>
      </c>
      <c r="M51" s="6">
        <v>2441.3696555118345</v>
      </c>
      <c r="N51" s="5">
        <v>1.1902517916518931</v>
      </c>
      <c r="O51" s="5" t="s">
        <v>868</v>
      </c>
      <c r="P51" s="5">
        <v>1.0373526820484567E-2</v>
      </c>
      <c r="Q51" s="5">
        <v>20.710827731471099</v>
      </c>
      <c r="R51" s="5">
        <v>0.25577198670925777</v>
      </c>
      <c r="S51" s="5">
        <v>5.2423879382170258</v>
      </c>
      <c r="T51" s="5">
        <v>11.397916097773017</v>
      </c>
      <c r="U51" s="5">
        <v>1.642793865873627</v>
      </c>
      <c r="V51" s="5">
        <v>55.108919463574487</v>
      </c>
      <c r="W51" s="5">
        <v>18.760411794170736</v>
      </c>
      <c r="X51" s="5">
        <v>243.45997566927301</v>
      </c>
      <c r="Y51" s="5">
        <v>96.926661856446373</v>
      </c>
      <c r="Z51" s="5">
        <v>485.04425030916462</v>
      </c>
      <c r="AA51" s="5">
        <v>106.96506760765638</v>
      </c>
      <c r="AB51" s="5">
        <v>1034.6674944931499</v>
      </c>
      <c r="AC51" s="5">
        <v>189.68687821165281</v>
      </c>
      <c r="AD51" s="6">
        <v>13480.606498269934</v>
      </c>
      <c r="AE51" s="5">
        <v>0.64713002346214332</v>
      </c>
      <c r="AF51" s="5">
        <v>76.605883659413351</v>
      </c>
      <c r="AG51" s="5">
        <v>278.37634456469164</v>
      </c>
      <c r="AH51" s="5">
        <v>395.87861707921206</v>
      </c>
    </row>
    <row r="52" spans="1:34" x14ac:dyDescent="0.25">
      <c r="A52" s="4" t="s">
        <v>972</v>
      </c>
      <c r="B52" s="4" t="s">
        <v>973</v>
      </c>
      <c r="C52" s="4">
        <v>35</v>
      </c>
      <c r="D52" s="4" t="s">
        <v>1081</v>
      </c>
      <c r="E52" s="5">
        <v>0.65997010464986161</v>
      </c>
      <c r="F52" s="6">
        <v>177319.52324023741</v>
      </c>
      <c r="G52" s="5">
        <v>403.40186305761728</v>
      </c>
      <c r="H52" s="5">
        <v>39.834246357090372</v>
      </c>
      <c r="I52" s="5">
        <v>293.1042982523154</v>
      </c>
      <c r="J52" s="5">
        <v>8.8033275566746525</v>
      </c>
      <c r="K52" s="5">
        <v>13.898903359341531</v>
      </c>
      <c r="L52" s="5">
        <v>0.375096207109408</v>
      </c>
      <c r="M52" s="6">
        <v>2474.9816390575925</v>
      </c>
      <c r="N52" s="5">
        <v>1.0864079360445114</v>
      </c>
      <c r="O52" s="5" t="s">
        <v>974</v>
      </c>
      <c r="P52" s="5">
        <v>1.8453462518168848E-2</v>
      </c>
      <c r="Q52" s="5">
        <v>17.059692314035104</v>
      </c>
      <c r="R52" s="5">
        <v>0.3465801141326027</v>
      </c>
      <c r="S52" s="5">
        <v>6.1379622589104219</v>
      </c>
      <c r="T52" s="5">
        <v>11.909449224702884</v>
      </c>
      <c r="U52" s="5">
        <v>2.1466603635737629</v>
      </c>
      <c r="V52" s="5">
        <v>57.56739980344387</v>
      </c>
      <c r="W52" s="5">
        <v>18.70989138004991</v>
      </c>
      <c r="X52" s="5">
        <v>238.84695287073365</v>
      </c>
      <c r="Y52" s="5">
        <v>91.751432503889021</v>
      </c>
      <c r="Z52" s="5">
        <v>444.78982023911925</v>
      </c>
      <c r="AA52" s="5">
        <v>95.082430610480188</v>
      </c>
      <c r="AB52" s="5">
        <v>880.9420875495357</v>
      </c>
      <c r="AC52" s="5">
        <v>158.69142042502892</v>
      </c>
      <c r="AD52" s="6">
        <v>10819.519011993634</v>
      </c>
      <c r="AE52" s="5">
        <v>0.47016688389131639</v>
      </c>
      <c r="AF52" s="5">
        <v>53.155187552606648</v>
      </c>
      <c r="AG52" s="5">
        <v>194.25625780824987</v>
      </c>
      <c r="AH52" s="5">
        <v>236.99292942794145</v>
      </c>
    </row>
    <row r="53" spans="1:34" x14ac:dyDescent="0.25">
      <c r="A53" s="4" t="s">
        <v>906</v>
      </c>
      <c r="B53" s="4" t="s">
        <v>907</v>
      </c>
      <c r="C53" s="4">
        <v>37</v>
      </c>
      <c r="D53" s="4" t="s">
        <v>1081</v>
      </c>
      <c r="E53" s="5">
        <v>20.624661797380934</v>
      </c>
      <c r="F53" s="6">
        <v>181428.26637206733</v>
      </c>
      <c r="G53" s="5">
        <v>557.40098315788043</v>
      </c>
      <c r="H53" s="5">
        <v>29.380329494656639</v>
      </c>
      <c r="I53" s="5">
        <v>323.55984844360461</v>
      </c>
      <c r="J53" s="5">
        <v>10.134225617177137</v>
      </c>
      <c r="K53" s="5">
        <v>137.2582319342572</v>
      </c>
      <c r="L53" s="5">
        <v>0.30405058087483761</v>
      </c>
      <c r="M53" s="6">
        <v>2264.2333281686983</v>
      </c>
      <c r="N53" s="5">
        <v>1.6315209995498847</v>
      </c>
      <c r="O53" s="5">
        <v>0.14976622742120704</v>
      </c>
      <c r="P53" s="5">
        <v>1.7015329063479859E-2</v>
      </c>
      <c r="Q53" s="5">
        <v>20.461842626121129</v>
      </c>
      <c r="R53" s="5">
        <v>0.27879982228411543</v>
      </c>
      <c r="S53" s="5">
        <v>5.036788079329253</v>
      </c>
      <c r="T53" s="5">
        <v>9.1938974703374878</v>
      </c>
      <c r="U53" s="5">
        <v>1.7590730777386085</v>
      </c>
      <c r="V53" s="5">
        <v>53.458072838823611</v>
      </c>
      <c r="W53" s="5">
        <v>17.584315663452799</v>
      </c>
      <c r="X53" s="5">
        <v>226.45863037478861</v>
      </c>
      <c r="Y53" s="5">
        <v>85.442205266247029</v>
      </c>
      <c r="Z53" s="5">
        <v>414.32090147087888</v>
      </c>
      <c r="AA53" s="5">
        <v>87.374323849070464</v>
      </c>
      <c r="AB53" s="5">
        <v>818.78874111073048</v>
      </c>
      <c r="AC53" s="5">
        <v>154.80369855137033</v>
      </c>
      <c r="AD53" s="6">
        <v>11237.223182363958</v>
      </c>
      <c r="AE53" s="5">
        <v>0.58502150159320243</v>
      </c>
      <c r="AF53" s="5">
        <v>60.677756460216187</v>
      </c>
      <c r="AG53" s="5">
        <v>224.54883204624053</v>
      </c>
      <c r="AH53" s="5">
        <v>274.14752810951313</v>
      </c>
    </row>
    <row r="54" spans="1:34" x14ac:dyDescent="0.25">
      <c r="A54" s="4" t="s">
        <v>914</v>
      </c>
      <c r="B54" s="4" t="s">
        <v>915</v>
      </c>
      <c r="C54" s="4">
        <v>39</v>
      </c>
      <c r="D54" s="4" t="s">
        <v>1081</v>
      </c>
      <c r="E54" s="5">
        <v>2.31575369098335</v>
      </c>
      <c r="F54" s="6">
        <v>181759.1381893543</v>
      </c>
      <c r="G54" s="5">
        <v>525.95758650894334</v>
      </c>
      <c r="H54" s="5">
        <v>30.9222963227215</v>
      </c>
      <c r="I54" s="5">
        <v>303.27664185334675</v>
      </c>
      <c r="J54" s="5">
        <v>7.5440741726027367</v>
      </c>
      <c r="K54" s="5">
        <v>7.4370320870136313</v>
      </c>
      <c r="L54" s="5">
        <v>0.29326281895897732</v>
      </c>
      <c r="M54" s="6">
        <v>1526.7478641829498</v>
      </c>
      <c r="N54" s="5">
        <v>0.824016225939466</v>
      </c>
      <c r="O54" s="5">
        <v>0.16495017655442218</v>
      </c>
      <c r="P54" s="5">
        <v>7.0900751782314144E-3</v>
      </c>
      <c r="Q54" s="5">
        <v>12.027783977583733</v>
      </c>
      <c r="R54" s="5">
        <v>0.16088651685890024</v>
      </c>
      <c r="S54" s="5">
        <v>2.9898504049790131</v>
      </c>
      <c r="T54" s="5">
        <v>6.6287739739813887</v>
      </c>
      <c r="U54" s="5">
        <v>1.1469706271140829</v>
      </c>
      <c r="V54" s="5">
        <v>33.502793480525135</v>
      </c>
      <c r="W54" s="5">
        <v>11.481681420255368</v>
      </c>
      <c r="X54" s="5">
        <v>148.32223416711872</v>
      </c>
      <c r="Y54" s="5">
        <v>58.096690954823465</v>
      </c>
      <c r="Z54" s="5">
        <v>283.60387455934642</v>
      </c>
      <c r="AA54" s="5">
        <v>60.892979989337213</v>
      </c>
      <c r="AB54" s="5">
        <v>585.53533351240583</v>
      </c>
      <c r="AC54" s="5">
        <v>108.25078995765752</v>
      </c>
      <c r="AD54" s="6">
        <v>11870.710588587252</v>
      </c>
      <c r="AE54" s="5">
        <v>0.45985034360478783</v>
      </c>
      <c r="AF54" s="5">
        <v>27.484079956259393</v>
      </c>
      <c r="AG54" s="5">
        <v>100.16317073162843</v>
      </c>
      <c r="AH54" s="5">
        <v>149.69805523622711</v>
      </c>
    </row>
    <row r="55" spans="1:34" x14ac:dyDescent="0.25">
      <c r="A55" s="4" t="s">
        <v>916</v>
      </c>
      <c r="B55" s="4" t="s">
        <v>917</v>
      </c>
      <c r="C55" s="4">
        <v>39</v>
      </c>
      <c r="D55" s="4" t="s">
        <v>1081</v>
      </c>
      <c r="E55" s="5" t="s">
        <v>918</v>
      </c>
      <c r="F55" s="6">
        <v>177849.94223014545</v>
      </c>
      <c r="G55" s="5">
        <v>443.08286391801749</v>
      </c>
      <c r="H55" s="5" t="s">
        <v>919</v>
      </c>
      <c r="I55" s="5">
        <v>308.54255515018826</v>
      </c>
      <c r="J55" s="5">
        <v>9.3123424683583025</v>
      </c>
      <c r="K55" s="5" t="s">
        <v>920</v>
      </c>
      <c r="L55" s="5">
        <v>0.21230935042782556</v>
      </c>
      <c r="M55" s="6">
        <v>1043.3592056346229</v>
      </c>
      <c r="N55" s="5">
        <v>0.93587320404806573</v>
      </c>
      <c r="O55" s="5">
        <v>0.18481038533306587</v>
      </c>
      <c r="P55" s="5">
        <v>3.2710647400591934E-3</v>
      </c>
      <c r="Q55" s="5">
        <v>13.048422928717576</v>
      </c>
      <c r="R55" s="5">
        <v>7.1660884059946403E-2</v>
      </c>
      <c r="S55" s="5">
        <v>1.631931636630465</v>
      </c>
      <c r="T55" s="5">
        <v>3.8242006122177989</v>
      </c>
      <c r="U55" s="5">
        <v>0.74918562144222878</v>
      </c>
      <c r="V55" s="5">
        <v>21.496270408750625</v>
      </c>
      <c r="W55" s="5">
        <v>7.5499702491788696</v>
      </c>
      <c r="X55" s="5">
        <v>100.5884596410218</v>
      </c>
      <c r="Y55" s="5">
        <v>39.238369135505003</v>
      </c>
      <c r="Z55" s="5">
        <v>199.76235616402076</v>
      </c>
      <c r="AA55" s="5">
        <v>44.163554193982826</v>
      </c>
      <c r="AB55" s="5">
        <v>433.57152330263807</v>
      </c>
      <c r="AC55" s="5">
        <v>83.914973705874971</v>
      </c>
      <c r="AD55" s="6">
        <v>11402.052975070024</v>
      </c>
      <c r="AE55" s="5">
        <v>0.51937058369156741</v>
      </c>
      <c r="AF55" s="5">
        <v>24.991360400387371</v>
      </c>
      <c r="AG55" s="5">
        <v>91.776681548715558</v>
      </c>
      <c r="AH55" s="5">
        <v>157.58955501150999</v>
      </c>
    </row>
    <row r="56" spans="1:34" x14ac:dyDescent="0.25">
      <c r="A56" s="4" t="s">
        <v>365</v>
      </c>
      <c r="B56" s="4" t="s">
        <v>366</v>
      </c>
      <c r="C56" s="4">
        <v>3</v>
      </c>
      <c r="D56" s="4" t="s">
        <v>1081</v>
      </c>
      <c r="E56" s="5" t="s">
        <v>367</v>
      </c>
      <c r="F56" s="6">
        <v>174748.52422138918</v>
      </c>
      <c r="G56" s="5">
        <v>740.61452358726478</v>
      </c>
      <c r="H56" s="5" t="s">
        <v>368</v>
      </c>
      <c r="I56" s="5">
        <v>332.52655630625077</v>
      </c>
      <c r="J56" s="5">
        <v>7.2305833021953987</v>
      </c>
      <c r="K56" s="5">
        <v>8.40311529928087</v>
      </c>
      <c r="L56" s="5">
        <v>0.40873353261223222</v>
      </c>
      <c r="M56" s="6">
        <v>2276.35260726858</v>
      </c>
      <c r="N56" s="5">
        <v>2.8841417996317538</v>
      </c>
      <c r="O56" s="5" t="s">
        <v>369</v>
      </c>
      <c r="P56" s="5">
        <v>7.8907883959521384E-3</v>
      </c>
      <c r="Q56" s="5">
        <v>42.490726087899098</v>
      </c>
      <c r="R56" s="5">
        <v>0.18234140261942061</v>
      </c>
      <c r="S56" s="5">
        <v>3.507584447398914</v>
      </c>
      <c r="T56" s="5">
        <v>8.2082476238655158</v>
      </c>
      <c r="U56" s="5">
        <v>1.2113418780467859</v>
      </c>
      <c r="V56" s="5">
        <v>46.377013072968595</v>
      </c>
      <c r="W56" s="5">
        <v>16.926304796889458</v>
      </c>
      <c r="X56" s="5">
        <v>226.96554099668214</v>
      </c>
      <c r="Y56" s="5">
        <v>90.395564702797628</v>
      </c>
      <c r="Z56" s="5">
        <v>454.48012546101336</v>
      </c>
      <c r="AA56" s="5">
        <v>98.753845540243518</v>
      </c>
      <c r="AB56" s="5">
        <v>932.92222403934488</v>
      </c>
      <c r="AC56" s="5">
        <v>179.37469604972955</v>
      </c>
      <c r="AD56" s="6">
        <v>14831.299933402817</v>
      </c>
      <c r="AE56" s="5">
        <v>1.1538609296456395</v>
      </c>
      <c r="AF56" s="5">
        <v>104.32234521592935</v>
      </c>
      <c r="AG56" s="5">
        <v>403.80814694144703</v>
      </c>
      <c r="AH56" s="5">
        <v>512.81272178426343</v>
      </c>
    </row>
    <row r="57" spans="1:34" x14ac:dyDescent="0.25">
      <c r="A57" s="4" t="s">
        <v>921</v>
      </c>
      <c r="B57" s="4" t="s">
        <v>922</v>
      </c>
      <c r="C57" s="4">
        <v>40</v>
      </c>
      <c r="D57" s="4" t="s">
        <v>1081</v>
      </c>
      <c r="E57" s="5">
        <v>0.89075419438414838</v>
      </c>
      <c r="F57" s="6">
        <v>187404.79937461932</v>
      </c>
      <c r="G57" s="5">
        <v>491.08576993295929</v>
      </c>
      <c r="H57" s="5">
        <v>37.175082638344122</v>
      </c>
      <c r="I57" s="5">
        <v>308.66739547963141</v>
      </c>
      <c r="J57" s="5">
        <v>9.281829566712819</v>
      </c>
      <c r="K57" s="5">
        <v>27.674687156805003</v>
      </c>
      <c r="L57" s="5">
        <v>0.32994540607976192</v>
      </c>
      <c r="M57" s="6">
        <v>2534.5276211718215</v>
      </c>
      <c r="N57" s="5">
        <v>1.2717529324616548</v>
      </c>
      <c r="O57" s="5" t="s">
        <v>923</v>
      </c>
      <c r="P57" s="5">
        <v>1.4803713091520097E-2</v>
      </c>
      <c r="Q57" s="5">
        <v>17.611342899134055</v>
      </c>
      <c r="R57" s="5">
        <v>0.35404422864510793</v>
      </c>
      <c r="S57" s="5">
        <v>5.9630727220504838</v>
      </c>
      <c r="T57" s="5">
        <v>11.606237102747009</v>
      </c>
      <c r="U57" s="5">
        <v>2.0452158515844725</v>
      </c>
      <c r="V57" s="5">
        <v>58.065592058161343</v>
      </c>
      <c r="W57" s="5">
        <v>18.715171628166384</v>
      </c>
      <c r="X57" s="5">
        <v>244.53657763653393</v>
      </c>
      <c r="Y57" s="5">
        <v>95.666195335118402</v>
      </c>
      <c r="Z57" s="5">
        <v>469.98604537642348</v>
      </c>
      <c r="AA57" s="5">
        <v>99.577381650900833</v>
      </c>
      <c r="AB57" s="5">
        <v>938.0009562659684</v>
      </c>
      <c r="AC57" s="5">
        <v>175.96329554528981</v>
      </c>
      <c r="AD57" s="6">
        <v>11293.407700258738</v>
      </c>
      <c r="AE57" s="5">
        <v>0.57684227723423565</v>
      </c>
      <c r="AF57" s="5">
        <v>56.661063787352184</v>
      </c>
      <c r="AG57" s="5">
        <v>206.76493076528109</v>
      </c>
      <c r="AH57" s="5">
        <v>261.76855727011036</v>
      </c>
    </row>
    <row r="58" spans="1:34" x14ac:dyDescent="0.25">
      <c r="A58" s="4" t="s">
        <v>924</v>
      </c>
      <c r="B58" s="4" t="s">
        <v>925</v>
      </c>
      <c r="C58" s="4">
        <v>40</v>
      </c>
      <c r="D58" s="4" t="s">
        <v>1081</v>
      </c>
      <c r="E58" s="5" t="s">
        <v>926</v>
      </c>
      <c r="F58" s="6">
        <v>188445.77653597394</v>
      </c>
      <c r="G58" s="5">
        <v>501.03673951449383</v>
      </c>
      <c r="H58" s="5">
        <v>33.98191053585726</v>
      </c>
      <c r="I58" s="5">
        <v>328.2754511853347</v>
      </c>
      <c r="J58" s="5">
        <v>8.1997899405471752</v>
      </c>
      <c r="K58" s="5" t="s">
        <v>927</v>
      </c>
      <c r="L58" s="5">
        <v>0.26592680565429394</v>
      </c>
      <c r="M58" s="6">
        <v>1260.9211515032068</v>
      </c>
      <c r="N58" s="5">
        <v>1.6486780332840472</v>
      </c>
      <c r="O58" s="5" t="s">
        <v>928</v>
      </c>
      <c r="P58" s="5"/>
      <c r="Q58" s="5">
        <v>13.045767511575333</v>
      </c>
      <c r="R58" s="5">
        <v>7.4620555457799637E-2</v>
      </c>
      <c r="S58" s="5">
        <v>1.5404589098041128</v>
      </c>
      <c r="T58" s="5">
        <v>3.9346110842637088</v>
      </c>
      <c r="U58" s="5">
        <v>0.74847199386916252</v>
      </c>
      <c r="V58" s="5">
        <v>23.768494557004892</v>
      </c>
      <c r="W58" s="5">
        <v>8.5199204290566719</v>
      </c>
      <c r="X58" s="5">
        <v>115.49172138731744</v>
      </c>
      <c r="Y58" s="5">
        <v>46.58482978365678</v>
      </c>
      <c r="Z58" s="5">
        <v>246.56329654455567</v>
      </c>
      <c r="AA58" s="5">
        <v>56.822329613648847</v>
      </c>
      <c r="AB58" s="5">
        <v>567.29389495215412</v>
      </c>
      <c r="AC58" s="5">
        <v>117.50468022481989</v>
      </c>
      <c r="AD58" s="6">
        <v>11630.811262231409</v>
      </c>
      <c r="AE58" s="5">
        <v>0.85325300963210604</v>
      </c>
      <c r="AF58" s="5">
        <v>23.085688883580811</v>
      </c>
      <c r="AG58" s="5">
        <v>82.035500124502036</v>
      </c>
      <c r="AH58" s="5">
        <v>198.2213839850165</v>
      </c>
    </row>
    <row r="59" spans="1:34" x14ac:dyDescent="0.25">
      <c r="A59" s="4" t="s">
        <v>933</v>
      </c>
      <c r="B59" s="4" t="s">
        <v>934</v>
      </c>
      <c r="C59" s="4">
        <v>42</v>
      </c>
      <c r="D59" s="4" t="s">
        <v>1081</v>
      </c>
      <c r="E59" s="5">
        <v>1.4888170445700728</v>
      </c>
      <c r="F59" s="6">
        <v>184231.3716801198</v>
      </c>
      <c r="G59" s="5">
        <v>457.29022507967147</v>
      </c>
      <c r="H59" s="5" t="s">
        <v>935</v>
      </c>
      <c r="I59" s="5">
        <v>330.50646820144715</v>
      </c>
      <c r="J59" s="5">
        <v>10.388883455861894</v>
      </c>
      <c r="K59" s="5">
        <v>3.4184191752180162</v>
      </c>
      <c r="L59" s="5">
        <v>0.22782858344482335</v>
      </c>
      <c r="M59" s="6">
        <v>1185.3598062334563</v>
      </c>
      <c r="N59" s="5">
        <v>1.4256794548266953</v>
      </c>
      <c r="O59" s="5" t="s">
        <v>936</v>
      </c>
      <c r="P59" s="5">
        <v>1.2283942469670232E-2</v>
      </c>
      <c r="Q59" s="5">
        <v>14.632332312184449</v>
      </c>
      <c r="R59" s="5">
        <v>9.8889942006919473E-2</v>
      </c>
      <c r="S59" s="5">
        <v>1.6136836822358382</v>
      </c>
      <c r="T59" s="5">
        <v>4.3344868002881594</v>
      </c>
      <c r="U59" s="5">
        <v>0.81022973633412543</v>
      </c>
      <c r="V59" s="5">
        <v>23.425652912227079</v>
      </c>
      <c r="W59" s="5">
        <v>8.2764961837484829</v>
      </c>
      <c r="X59" s="5">
        <v>109.32946907153843</v>
      </c>
      <c r="Y59" s="5">
        <v>44.678747392631024</v>
      </c>
      <c r="Z59" s="5">
        <v>229.09021234165033</v>
      </c>
      <c r="AA59" s="5">
        <v>51.372629477130765</v>
      </c>
      <c r="AB59" s="5">
        <v>516.98400504516121</v>
      </c>
      <c r="AC59" s="5">
        <v>99.025822671916842</v>
      </c>
      <c r="AD59" s="6">
        <v>11438.846196204549</v>
      </c>
      <c r="AE59" s="5">
        <v>0.59162754776623339</v>
      </c>
      <c r="AF59" s="5">
        <v>27.560998119474856</v>
      </c>
      <c r="AG59" s="5">
        <v>97.765814261517448</v>
      </c>
      <c r="AH59" s="5">
        <v>176.44862324897201</v>
      </c>
    </row>
    <row r="60" spans="1:34" x14ac:dyDescent="0.25">
      <c r="A60" s="4" t="s">
        <v>937</v>
      </c>
      <c r="B60" s="4" t="s">
        <v>938</v>
      </c>
      <c r="C60" s="4">
        <v>43</v>
      </c>
      <c r="D60" s="4" t="s">
        <v>1081</v>
      </c>
      <c r="E60" s="5">
        <v>4.7946212013783693</v>
      </c>
      <c r="F60" s="6">
        <v>178145.79642987694</v>
      </c>
      <c r="G60" s="5">
        <v>492.67630111776117</v>
      </c>
      <c r="H60" s="5">
        <v>27.801170989099905</v>
      </c>
      <c r="I60" s="5">
        <v>306.6850366889343</v>
      </c>
      <c r="J60" s="5">
        <v>10.783117082863381</v>
      </c>
      <c r="K60" s="5">
        <v>65.40660277518873</v>
      </c>
      <c r="L60" s="5">
        <v>0.45068577054241987</v>
      </c>
      <c r="M60" s="6">
        <v>2954.5203531971447</v>
      </c>
      <c r="N60" s="5">
        <v>1.33915058125745</v>
      </c>
      <c r="O60" s="5" t="s">
        <v>939</v>
      </c>
      <c r="P60" s="5">
        <v>8.4636933517164253E-2</v>
      </c>
      <c r="Q60" s="5">
        <v>20.340908950945053</v>
      </c>
      <c r="R60" s="5">
        <v>0.47490308822558958</v>
      </c>
      <c r="S60" s="5">
        <v>7.7468133743808378</v>
      </c>
      <c r="T60" s="5">
        <v>14.173668168148451</v>
      </c>
      <c r="U60" s="5">
        <v>2.3547588088625226</v>
      </c>
      <c r="V60" s="5">
        <v>74.035986464172097</v>
      </c>
      <c r="W60" s="5">
        <v>24.168177154130163</v>
      </c>
      <c r="X60" s="5">
        <v>299.78448926423226</v>
      </c>
      <c r="Y60" s="5">
        <v>114.00506132847488</v>
      </c>
      <c r="Z60" s="5">
        <v>538.73038467381389</v>
      </c>
      <c r="AA60" s="5">
        <v>110.63145792314303</v>
      </c>
      <c r="AB60" s="5">
        <v>1025.810232027133</v>
      </c>
      <c r="AC60" s="5">
        <v>187.56002109212514</v>
      </c>
      <c r="AD60" s="6">
        <v>10872.992969438086</v>
      </c>
      <c r="AE60" s="5">
        <v>0.5271293474144978</v>
      </c>
      <c r="AF60" s="5">
        <v>65.503169756924663</v>
      </c>
      <c r="AG60" s="5">
        <v>242.99318184739494</v>
      </c>
      <c r="AH60" s="5">
        <v>258.54203272966026</v>
      </c>
    </row>
    <row r="61" spans="1:34" x14ac:dyDescent="0.25">
      <c r="A61" s="4" t="s">
        <v>943</v>
      </c>
      <c r="B61" s="4" t="s">
        <v>944</v>
      </c>
      <c r="C61" s="4">
        <v>46</v>
      </c>
      <c r="D61" s="4" t="s">
        <v>1081</v>
      </c>
      <c r="E61" s="5">
        <v>0.98408187634284694</v>
      </c>
      <c r="F61" s="6">
        <v>185123.2893540748</v>
      </c>
      <c r="G61" s="5">
        <v>469.67214997995427</v>
      </c>
      <c r="H61" s="5">
        <v>23.201586843689704</v>
      </c>
      <c r="I61" s="5">
        <v>305.94233496987744</v>
      </c>
      <c r="J61" s="5">
        <v>9.624876414010993</v>
      </c>
      <c r="K61" s="5">
        <v>3.858587924651244</v>
      </c>
      <c r="L61" s="5">
        <v>0.36528833426742924</v>
      </c>
      <c r="M61" s="6">
        <v>2501.1741273648354</v>
      </c>
      <c r="N61" s="5">
        <v>1.2477768581251829</v>
      </c>
      <c r="O61" s="5">
        <v>0.16307473287124566</v>
      </c>
      <c r="P61" s="5">
        <v>2.2053198356215779E-2</v>
      </c>
      <c r="Q61" s="5">
        <v>17.395978485697345</v>
      </c>
      <c r="R61" s="5">
        <v>0.3177279076220193</v>
      </c>
      <c r="S61" s="5">
        <v>5.9610524310049202</v>
      </c>
      <c r="T61" s="5">
        <v>11.368603824869753</v>
      </c>
      <c r="U61" s="5">
        <v>2.122617464684045</v>
      </c>
      <c r="V61" s="5">
        <v>59.196702172107919</v>
      </c>
      <c r="W61" s="5">
        <v>19.220877603937343</v>
      </c>
      <c r="X61" s="5">
        <v>247.84447485523046</v>
      </c>
      <c r="Y61" s="5">
        <v>93.64518833921035</v>
      </c>
      <c r="Z61" s="5">
        <v>451.76110106494116</v>
      </c>
      <c r="AA61" s="5">
        <v>95.194728169400648</v>
      </c>
      <c r="AB61" s="5">
        <v>880.09011239332767</v>
      </c>
      <c r="AC61" s="5">
        <v>164.96503324818585</v>
      </c>
      <c r="AD61" s="6">
        <v>11034.343153569855</v>
      </c>
      <c r="AE61" s="5">
        <v>0.51765136124978639</v>
      </c>
      <c r="AF61" s="5">
        <v>52.030643937315915</v>
      </c>
      <c r="AG61" s="5">
        <v>190.42907787706164</v>
      </c>
      <c r="AH61" s="5">
        <v>231.13754977876076</v>
      </c>
    </row>
    <row r="62" spans="1:34" x14ac:dyDescent="0.25">
      <c r="A62" s="4" t="s">
        <v>945</v>
      </c>
      <c r="B62" s="4" t="s">
        <v>946</v>
      </c>
      <c r="C62" s="4">
        <v>47</v>
      </c>
      <c r="D62" s="4" t="s">
        <v>1081</v>
      </c>
      <c r="E62" s="5" t="s">
        <v>947</v>
      </c>
      <c r="F62" s="6">
        <v>185651.06873490888</v>
      </c>
      <c r="G62" s="5">
        <v>533.98200673132988</v>
      </c>
      <c r="H62" s="5" t="s">
        <v>948</v>
      </c>
      <c r="I62" s="5">
        <v>311.63085765090807</v>
      </c>
      <c r="J62" s="5">
        <v>10.962852643813783</v>
      </c>
      <c r="K62" s="5" t="s">
        <v>949</v>
      </c>
      <c r="L62" s="5">
        <v>0.24961344528742485</v>
      </c>
      <c r="M62" s="6">
        <v>1428.604353728799</v>
      </c>
      <c r="N62" s="5">
        <v>1.3689695737691021</v>
      </c>
      <c r="O62" s="5">
        <v>0.14923574043453583</v>
      </c>
      <c r="P62" s="5">
        <v>5.0555023325758244E-3</v>
      </c>
      <c r="Q62" s="5">
        <v>19.177883859831798</v>
      </c>
      <c r="R62" s="5">
        <v>0.11570077575846484</v>
      </c>
      <c r="S62" s="5">
        <v>2.3762384192235193</v>
      </c>
      <c r="T62" s="5">
        <v>5.2497815726106056</v>
      </c>
      <c r="U62" s="5">
        <v>0.99794740076559652</v>
      </c>
      <c r="V62" s="5">
        <v>28.879916024670578</v>
      </c>
      <c r="W62" s="5">
        <v>10.046418139073824</v>
      </c>
      <c r="X62" s="5">
        <v>132.38129013229303</v>
      </c>
      <c r="Y62" s="5">
        <v>51.655969766394932</v>
      </c>
      <c r="Z62" s="5">
        <v>262.40502624928342</v>
      </c>
      <c r="AA62" s="5">
        <v>57.140358599182527</v>
      </c>
      <c r="AB62" s="5">
        <v>546.13149291632737</v>
      </c>
      <c r="AC62" s="5">
        <v>104.74390613410154</v>
      </c>
      <c r="AD62" s="6">
        <v>10927.9724502381</v>
      </c>
      <c r="AE62" s="5">
        <v>0.612821150126583</v>
      </c>
      <c r="AF62" s="5">
        <v>52.757304852121479</v>
      </c>
      <c r="AG62" s="5">
        <v>188.581088248751</v>
      </c>
      <c r="AH62" s="5">
        <v>245.49374147527564</v>
      </c>
    </row>
    <row r="63" spans="1:34" x14ac:dyDescent="0.25">
      <c r="A63" s="4" t="s">
        <v>967</v>
      </c>
      <c r="B63" s="4" t="s">
        <v>968</v>
      </c>
      <c r="C63" s="4">
        <v>48</v>
      </c>
      <c r="D63" s="4" t="s">
        <v>1081</v>
      </c>
      <c r="E63" s="5" t="s">
        <v>969</v>
      </c>
      <c r="F63" s="6">
        <v>181908.29951152808</v>
      </c>
      <c r="G63" s="5">
        <v>422.94948902047395</v>
      </c>
      <c r="H63" s="5" t="s">
        <v>970</v>
      </c>
      <c r="I63" s="5">
        <v>292.29629401899109</v>
      </c>
      <c r="J63" s="5">
        <v>10.711771907476264</v>
      </c>
      <c r="K63" s="5">
        <v>10.210352960957671</v>
      </c>
      <c r="L63" s="5">
        <v>0.44341312376931613</v>
      </c>
      <c r="M63" s="6">
        <v>2761.4387938467612</v>
      </c>
      <c r="N63" s="5">
        <v>1.0840009664379973</v>
      </c>
      <c r="O63" s="5" t="s">
        <v>971</v>
      </c>
      <c r="P63" s="5">
        <v>2.8628084316931812E-2</v>
      </c>
      <c r="Q63" s="5">
        <v>14.588814216839134</v>
      </c>
      <c r="R63" s="5">
        <v>0.41849102576453462</v>
      </c>
      <c r="S63" s="5">
        <v>6.8915167693810426</v>
      </c>
      <c r="T63" s="5">
        <v>11.395568554117894</v>
      </c>
      <c r="U63" s="5">
        <v>2.2257501084257014</v>
      </c>
      <c r="V63" s="5">
        <v>55.494045712289982</v>
      </c>
      <c r="W63" s="5">
        <v>18.431612582061536</v>
      </c>
      <c r="X63" s="5">
        <v>246.24181514820373</v>
      </c>
      <c r="Y63" s="5">
        <v>97.86525092842227</v>
      </c>
      <c r="Z63" s="5">
        <v>486.91677724067745</v>
      </c>
      <c r="AA63" s="5">
        <v>103.70019902825969</v>
      </c>
      <c r="AB63" s="5">
        <v>965.40793804093551</v>
      </c>
      <c r="AC63" s="5">
        <v>181.3379919426074</v>
      </c>
      <c r="AD63" s="6">
        <v>10280.449112065346</v>
      </c>
      <c r="AE63" s="5">
        <v>0.48304484443596912</v>
      </c>
      <c r="AF63" s="5">
        <v>73.557933906221081</v>
      </c>
      <c r="AG63" s="5">
        <v>267.56067035954271</v>
      </c>
      <c r="AH63" s="5">
        <v>292.72893742500281</v>
      </c>
    </row>
    <row r="64" spans="1:34" x14ac:dyDescent="0.25">
      <c r="A64" s="4" t="s">
        <v>954</v>
      </c>
      <c r="B64" s="4" t="s">
        <v>955</v>
      </c>
      <c r="C64" s="4">
        <v>49</v>
      </c>
      <c r="D64" s="4" t="s">
        <v>1081</v>
      </c>
      <c r="E64" s="5" t="s">
        <v>956</v>
      </c>
      <c r="F64" s="6">
        <v>181987.42260149447</v>
      </c>
      <c r="G64" s="5">
        <v>495.14507846015732</v>
      </c>
      <c r="H64" s="5">
        <v>26.488275329693536</v>
      </c>
      <c r="I64" s="5">
        <v>303.93122896144632</v>
      </c>
      <c r="J64" s="5">
        <v>12.12383938756412</v>
      </c>
      <c r="K64" s="5" t="s">
        <v>957</v>
      </c>
      <c r="L64" s="5">
        <v>0.21897191752232134</v>
      </c>
      <c r="M64" s="6">
        <v>1474.5010999391327</v>
      </c>
      <c r="N64" s="5">
        <v>1.0486063373821974</v>
      </c>
      <c r="O64" s="5" t="s">
        <v>958</v>
      </c>
      <c r="P64" s="5">
        <v>6.6097113445575638E-3</v>
      </c>
      <c r="Q64" s="5">
        <v>21.208986543296508</v>
      </c>
      <c r="R64" s="5">
        <v>0.16819717613611029</v>
      </c>
      <c r="S64" s="5">
        <v>2.6904164697395982</v>
      </c>
      <c r="T64" s="5">
        <v>5.7940807812438724</v>
      </c>
      <c r="U64" s="5">
        <v>1.0755881998788341</v>
      </c>
      <c r="V64" s="5">
        <v>30.571150131416786</v>
      </c>
      <c r="W64" s="5">
        <v>10.379361260573612</v>
      </c>
      <c r="X64" s="5">
        <v>132.42789192746946</v>
      </c>
      <c r="Y64" s="5">
        <v>52.67897804358963</v>
      </c>
      <c r="Z64" s="5">
        <v>259.10566395570851</v>
      </c>
      <c r="AA64" s="5">
        <v>56.191116208548813</v>
      </c>
      <c r="AB64" s="5">
        <v>531.53739640481786</v>
      </c>
      <c r="AC64" s="5">
        <v>98.727504301217436</v>
      </c>
      <c r="AD64" s="6">
        <v>11042.883461703914</v>
      </c>
      <c r="AE64" s="5">
        <v>0.57773881103435587</v>
      </c>
      <c r="AF64" s="5">
        <v>143.38330717183553</v>
      </c>
      <c r="AG64" s="5">
        <v>509.6757425330527</v>
      </c>
      <c r="AH64" s="5">
        <v>564.62245197448794</v>
      </c>
    </row>
    <row r="65" spans="1:34" x14ac:dyDescent="0.25">
      <c r="A65" s="4" t="s">
        <v>386</v>
      </c>
      <c r="B65" s="4" t="s">
        <v>387</v>
      </c>
      <c r="C65" s="4">
        <v>4</v>
      </c>
      <c r="D65" s="4" t="s">
        <v>1081</v>
      </c>
      <c r="E65" s="5" t="s">
        <v>388</v>
      </c>
      <c r="F65" s="6">
        <v>182324.11405289063</v>
      </c>
      <c r="G65" s="5">
        <v>430.77646318924508</v>
      </c>
      <c r="H65" s="5" t="s">
        <v>389</v>
      </c>
      <c r="I65" s="5">
        <v>315.42538678421658</v>
      </c>
      <c r="J65" s="5">
        <v>6.3864941402000754</v>
      </c>
      <c r="K65" s="5">
        <v>14.617013051284419</v>
      </c>
      <c r="L65" s="5">
        <v>0.24394742314636308</v>
      </c>
      <c r="M65" s="6">
        <v>1245.4458468368209</v>
      </c>
      <c r="N65" s="5">
        <v>1.1798920558555663</v>
      </c>
      <c r="O65" s="5">
        <v>0.24982537553392836</v>
      </c>
      <c r="P65" s="5"/>
      <c r="Q65" s="5">
        <v>14.687244255331903</v>
      </c>
      <c r="R65" s="5">
        <v>6.2601301552253449E-2</v>
      </c>
      <c r="S65" s="5">
        <v>1.3990020868978157</v>
      </c>
      <c r="T65" s="5">
        <v>4.0659149963693242</v>
      </c>
      <c r="U65" s="5">
        <v>0.68636696133331998</v>
      </c>
      <c r="V65" s="5">
        <v>23.247562199066959</v>
      </c>
      <c r="W65" s="5">
        <v>8.49116674184258</v>
      </c>
      <c r="X65" s="5">
        <v>114.36565189473023</v>
      </c>
      <c r="Y65" s="5">
        <v>45.948612483487231</v>
      </c>
      <c r="Z65" s="5">
        <v>245.28114548264745</v>
      </c>
      <c r="AA65" s="5">
        <v>56.797808391093135</v>
      </c>
      <c r="AB65" s="5">
        <v>560.79670490904107</v>
      </c>
      <c r="AC65" s="5">
        <v>115.20065842127507</v>
      </c>
      <c r="AD65" s="6">
        <v>13530.969537604984</v>
      </c>
      <c r="AE65" s="5">
        <v>0.65936950566181496</v>
      </c>
      <c r="AF65" s="5">
        <v>41.401534433296973</v>
      </c>
      <c r="AG65" s="5">
        <v>159.56965830354125</v>
      </c>
      <c r="AH65" s="5">
        <v>367.09525638801739</v>
      </c>
    </row>
    <row r="66" spans="1:34" x14ac:dyDescent="0.25">
      <c r="A66" s="4" t="s">
        <v>382</v>
      </c>
      <c r="B66" s="4" t="s">
        <v>383</v>
      </c>
      <c r="C66" s="4">
        <v>4</v>
      </c>
      <c r="D66" s="4" t="s">
        <v>1081</v>
      </c>
      <c r="E66" s="5" t="s">
        <v>384</v>
      </c>
      <c r="F66" s="6">
        <v>166755.70308733248</v>
      </c>
      <c r="G66" s="5">
        <v>401.89110934078838</v>
      </c>
      <c r="H66" s="5">
        <v>52.415474589418992</v>
      </c>
      <c r="I66" s="5">
        <v>314.92753695613669</v>
      </c>
      <c r="J66" s="5">
        <v>6.2749816895449042</v>
      </c>
      <c r="K66" s="5">
        <v>25.799515673047082</v>
      </c>
      <c r="L66" s="5">
        <v>0.23431255537178963</v>
      </c>
      <c r="M66" s="6">
        <v>1295.5029203156278</v>
      </c>
      <c r="N66" s="5">
        <v>1.1965924158822687</v>
      </c>
      <c r="O66" s="5" t="s">
        <v>385</v>
      </c>
      <c r="P66" s="5"/>
      <c r="Q66" s="5">
        <v>16.3887205051847</v>
      </c>
      <c r="R66" s="5">
        <v>7.3292735289482519E-2</v>
      </c>
      <c r="S66" s="5">
        <v>1.6118626580609117</v>
      </c>
      <c r="T66" s="5">
        <v>4.3048369783166969</v>
      </c>
      <c r="U66" s="5">
        <v>0.75266797669297614</v>
      </c>
      <c r="V66" s="5">
        <v>25.267516963756261</v>
      </c>
      <c r="W66" s="5">
        <v>8.8722578624956565</v>
      </c>
      <c r="X66" s="5">
        <v>118.21436061129727</v>
      </c>
      <c r="Y66" s="5">
        <v>48.240860608451172</v>
      </c>
      <c r="Z66" s="5">
        <v>256.20612309177801</v>
      </c>
      <c r="AA66" s="5">
        <v>60.171057874709362</v>
      </c>
      <c r="AB66" s="5">
        <v>592.59635422937527</v>
      </c>
      <c r="AC66" s="5">
        <v>117.13308902626723</v>
      </c>
      <c r="AD66" s="6">
        <v>13396.238460840503</v>
      </c>
      <c r="AE66" s="5">
        <v>0.76457763143329793</v>
      </c>
      <c r="AF66" s="5">
        <v>42.803749905265363</v>
      </c>
      <c r="AG66" s="5">
        <v>176.49281182193076</v>
      </c>
      <c r="AH66" s="5">
        <v>413.24431689723457</v>
      </c>
    </row>
    <row r="67" spans="1:34" x14ac:dyDescent="0.25">
      <c r="A67" s="4" t="s">
        <v>959</v>
      </c>
      <c r="B67" s="4" t="s">
        <v>960</v>
      </c>
      <c r="C67" s="4">
        <v>50</v>
      </c>
      <c r="D67" s="4" t="s">
        <v>1081</v>
      </c>
      <c r="E67" s="5" t="s">
        <v>961</v>
      </c>
      <c r="F67" s="6">
        <v>177475.47511293241</v>
      </c>
      <c r="G67" s="5">
        <v>375.90620199508351</v>
      </c>
      <c r="H67" s="5">
        <v>23.309395256290479</v>
      </c>
      <c r="I67" s="5">
        <v>280.48423006286646</v>
      </c>
      <c r="J67" s="5">
        <v>9.62799594328051</v>
      </c>
      <c r="K67" s="5">
        <v>22.412576050715948</v>
      </c>
      <c r="L67" s="5">
        <v>0.3819097597090777</v>
      </c>
      <c r="M67" s="6">
        <v>2364.2072326846587</v>
      </c>
      <c r="N67" s="5">
        <v>0.75358799998049664</v>
      </c>
      <c r="O67" s="5" t="s">
        <v>962</v>
      </c>
      <c r="P67" s="5">
        <v>1.7100662101303652E-2</v>
      </c>
      <c r="Q67" s="5">
        <v>16.105848507276704</v>
      </c>
      <c r="R67" s="5">
        <v>0.33169948181310399</v>
      </c>
      <c r="S67" s="5">
        <v>5.9620792379984699</v>
      </c>
      <c r="T67" s="5">
        <v>11.725243780278374</v>
      </c>
      <c r="U67" s="5">
        <v>1.796671422708308</v>
      </c>
      <c r="V67" s="5">
        <v>56.33079717131475</v>
      </c>
      <c r="W67" s="5">
        <v>18.028829898239021</v>
      </c>
      <c r="X67" s="5">
        <v>229.40074032796397</v>
      </c>
      <c r="Y67" s="5">
        <v>87.230743926887001</v>
      </c>
      <c r="Z67" s="5">
        <v>420.53714142047204</v>
      </c>
      <c r="AA67" s="5">
        <v>86.61817605971072</v>
      </c>
      <c r="AB67" s="5">
        <v>801.26159673330767</v>
      </c>
      <c r="AC67" s="5">
        <v>145.17494899197936</v>
      </c>
      <c r="AD67" s="6">
        <v>10332.201268098559</v>
      </c>
      <c r="AE67" s="5">
        <v>0.40180992148923678</v>
      </c>
      <c r="AF67" s="5">
        <v>65.387308593587832</v>
      </c>
      <c r="AG67" s="5">
        <v>239.92283020055328</v>
      </c>
      <c r="AH67" s="5">
        <v>281.33272398772203</v>
      </c>
    </row>
    <row r="68" spans="1:34" x14ac:dyDescent="0.25">
      <c r="A68" s="4" t="s">
        <v>745</v>
      </c>
      <c r="B68" s="4" t="s">
        <v>746</v>
      </c>
      <c r="C68" s="4">
        <v>5</v>
      </c>
      <c r="D68" s="4" t="s">
        <v>1081</v>
      </c>
      <c r="E68" s="5" t="s">
        <v>747</v>
      </c>
      <c r="F68" s="6">
        <v>204447.53722528965</v>
      </c>
      <c r="G68" s="5">
        <v>581.25787444162142</v>
      </c>
      <c r="H68" s="5">
        <v>73.000171147967848</v>
      </c>
      <c r="I68" s="5">
        <v>339.41855958834782</v>
      </c>
      <c r="J68" s="5">
        <v>6.4926332512868248</v>
      </c>
      <c r="K68" s="5">
        <v>18.894617643843578</v>
      </c>
      <c r="L68" s="5">
        <v>0.35443915020778299</v>
      </c>
      <c r="M68" s="6">
        <v>1236.2300857104296</v>
      </c>
      <c r="N68" s="5">
        <v>1.6248007744868254</v>
      </c>
      <c r="O68" s="5">
        <v>0.19571660507288341</v>
      </c>
      <c r="P68" s="5"/>
      <c r="Q68" s="5">
        <v>15.02445868943458</v>
      </c>
      <c r="R68" s="5">
        <v>5.5971768713517583E-2</v>
      </c>
      <c r="S68" s="5">
        <v>1.3256668800766729</v>
      </c>
      <c r="T68" s="5">
        <v>3.8339889699366254</v>
      </c>
      <c r="U68" s="5">
        <v>0.69586227697953462</v>
      </c>
      <c r="V68" s="5">
        <v>24.587158209849406</v>
      </c>
      <c r="W68" s="5">
        <v>8.7801826356412587</v>
      </c>
      <c r="X68" s="5">
        <v>122.87108030037206</v>
      </c>
      <c r="Y68" s="5">
        <v>49.408218666300762</v>
      </c>
      <c r="Z68" s="5">
        <v>260.09140478155263</v>
      </c>
      <c r="AA68" s="5">
        <v>61.131782915499187</v>
      </c>
      <c r="AB68" s="5">
        <v>628.95320162963026</v>
      </c>
      <c r="AC68" s="5">
        <v>120.21304714333381</v>
      </c>
      <c r="AD68" s="6">
        <v>13525.935989004793</v>
      </c>
      <c r="AE68" s="5">
        <v>0.89045980288009918</v>
      </c>
      <c r="AF68" s="5">
        <v>32.498726542672784</v>
      </c>
      <c r="AG68" s="5">
        <v>107.3348327272476</v>
      </c>
      <c r="AH68" s="5">
        <v>253.9175268559664</v>
      </c>
    </row>
    <row r="69" spans="1:34" x14ac:dyDescent="0.25">
      <c r="A69" s="4" t="s">
        <v>879</v>
      </c>
      <c r="B69" s="4" t="s">
        <v>880</v>
      </c>
      <c r="C69" s="4">
        <v>5</v>
      </c>
      <c r="D69" s="4" t="s">
        <v>1081</v>
      </c>
      <c r="E69" s="5" t="s">
        <v>881</v>
      </c>
      <c r="F69" s="6">
        <v>194826.6762683678</v>
      </c>
      <c r="G69" s="5">
        <v>562.69795218821207</v>
      </c>
      <c r="H69" s="5">
        <v>62.544912894799708</v>
      </c>
      <c r="I69" s="5">
        <v>340.39954477746255</v>
      </c>
      <c r="J69" s="5">
        <v>9.1277574594226785</v>
      </c>
      <c r="K69" s="5">
        <v>9.1533402365180336</v>
      </c>
      <c r="L69" s="5">
        <v>0.29697859862694637</v>
      </c>
      <c r="M69" s="6">
        <v>1264.2553534143121</v>
      </c>
      <c r="N69" s="5">
        <v>1.4386920883655607</v>
      </c>
      <c r="O69" s="5" t="s">
        <v>882</v>
      </c>
      <c r="P69" s="5">
        <v>3.7136683376179755E-3</v>
      </c>
      <c r="Q69" s="5">
        <v>17.073945426952715</v>
      </c>
      <c r="R69" s="5">
        <v>9.9669805321906668E-2</v>
      </c>
      <c r="S69" s="5">
        <v>1.8062694070752805</v>
      </c>
      <c r="T69" s="5">
        <v>4.5471006834488108</v>
      </c>
      <c r="U69" s="5">
        <v>0.85996124021525899</v>
      </c>
      <c r="V69" s="5">
        <v>26.825233173107922</v>
      </c>
      <c r="W69" s="5">
        <v>9.5194738990808467</v>
      </c>
      <c r="X69" s="5">
        <v>130.35693159767987</v>
      </c>
      <c r="Y69" s="5">
        <v>51.63321203545685</v>
      </c>
      <c r="Z69" s="5">
        <v>263.40293524383696</v>
      </c>
      <c r="AA69" s="5">
        <v>60.178215800511992</v>
      </c>
      <c r="AB69" s="5">
        <v>600.24462189732765</v>
      </c>
      <c r="AC69" s="5">
        <v>111.34326743142242</v>
      </c>
      <c r="AD69" s="6">
        <v>12974.174125627576</v>
      </c>
      <c r="AE69" s="5">
        <v>0.7603224320989983</v>
      </c>
      <c r="AF69" s="5">
        <v>44.577073052937713</v>
      </c>
      <c r="AG69" s="5">
        <v>164.79704035990599</v>
      </c>
      <c r="AH69" s="5">
        <v>272.60634252513819</v>
      </c>
    </row>
    <row r="70" spans="1:34" x14ac:dyDescent="0.25">
      <c r="A70" s="4" t="s">
        <v>752</v>
      </c>
      <c r="B70" s="4" t="s">
        <v>753</v>
      </c>
      <c r="C70" s="4">
        <v>6</v>
      </c>
      <c r="D70" s="4" t="s">
        <v>1081</v>
      </c>
      <c r="E70" s="5" t="s">
        <v>754</v>
      </c>
      <c r="F70" s="6">
        <v>208355.49859756712</v>
      </c>
      <c r="G70" s="5">
        <v>459.49895984403997</v>
      </c>
      <c r="H70" s="5">
        <v>78.21272806271746</v>
      </c>
      <c r="I70" s="5">
        <v>326.92089357833788</v>
      </c>
      <c r="J70" s="5">
        <v>12.216566236411429</v>
      </c>
      <c r="K70" s="5" t="s">
        <v>755</v>
      </c>
      <c r="L70" s="5">
        <v>0.20227792199557246</v>
      </c>
      <c r="M70" s="6">
        <v>860.6421622460814</v>
      </c>
      <c r="N70" s="5">
        <v>0.67209863783276802</v>
      </c>
      <c r="O70" s="5" t="s">
        <v>756</v>
      </c>
      <c r="P70" s="5"/>
      <c r="Q70" s="5">
        <v>9.8189770170301305</v>
      </c>
      <c r="R70" s="5">
        <v>7.6569354722892363E-2</v>
      </c>
      <c r="S70" s="5">
        <v>1.7269790775808729</v>
      </c>
      <c r="T70" s="5">
        <v>3.3581661753316219</v>
      </c>
      <c r="U70" s="5">
        <v>0.73241326876524881</v>
      </c>
      <c r="V70" s="5">
        <v>19.878428877958076</v>
      </c>
      <c r="W70" s="5">
        <v>6.8780888770837016</v>
      </c>
      <c r="X70" s="5">
        <v>90.723096089084322</v>
      </c>
      <c r="Y70" s="5">
        <v>35.31515353113226</v>
      </c>
      <c r="Z70" s="5">
        <v>178.32280187358344</v>
      </c>
      <c r="AA70" s="5">
        <v>41.19479492041544</v>
      </c>
      <c r="AB70" s="5">
        <v>418.55796781947134</v>
      </c>
      <c r="AC70" s="5">
        <v>75.853369221766826</v>
      </c>
      <c r="AD70" s="6">
        <v>12104.545055693678</v>
      </c>
      <c r="AE70" s="5">
        <v>0.41401335846865156</v>
      </c>
      <c r="AF70" s="5">
        <v>27.292596014271872</v>
      </c>
      <c r="AG70" s="5">
        <v>91.571078759070886</v>
      </c>
      <c r="AH70" s="5">
        <v>175.12538371115537</v>
      </c>
    </row>
    <row r="71" spans="1:34" x14ac:dyDescent="0.25">
      <c r="A71" s="4" t="s">
        <v>766</v>
      </c>
      <c r="B71" s="4" t="s">
        <v>767</v>
      </c>
      <c r="C71" s="4">
        <v>9</v>
      </c>
      <c r="D71" s="4" t="s">
        <v>1081</v>
      </c>
      <c r="E71" s="5">
        <v>1.3249020264254163</v>
      </c>
      <c r="F71" s="6">
        <v>208104.93355437438</v>
      </c>
      <c r="G71" s="5">
        <v>489.34495346992571</v>
      </c>
      <c r="H71" s="5">
        <v>84.500704529189562</v>
      </c>
      <c r="I71" s="5">
        <v>325.26184591403342</v>
      </c>
      <c r="J71" s="5">
        <v>8.1143535786406762</v>
      </c>
      <c r="K71" s="5">
        <v>52.005246721228993</v>
      </c>
      <c r="L71" s="5">
        <v>0.37480456778105853</v>
      </c>
      <c r="M71" s="6">
        <v>2131.4807322360366</v>
      </c>
      <c r="N71" s="5">
        <v>0.84922080155805368</v>
      </c>
      <c r="O71" s="5" t="s">
        <v>768</v>
      </c>
      <c r="P71" s="5">
        <v>8.204368050825037E-3</v>
      </c>
      <c r="Q71" s="5">
        <v>17.085463062652646</v>
      </c>
      <c r="R71" s="5">
        <v>0.24404178119334141</v>
      </c>
      <c r="S71" s="5">
        <v>5.0925857901568614</v>
      </c>
      <c r="T71" s="5">
        <v>11.827813459504505</v>
      </c>
      <c r="U71" s="5">
        <v>2.1030005377072483</v>
      </c>
      <c r="V71" s="5">
        <v>57.871878318946138</v>
      </c>
      <c r="W71" s="5">
        <v>19.085250774697553</v>
      </c>
      <c r="X71" s="5">
        <v>240.52800198739678</v>
      </c>
      <c r="Y71" s="5">
        <v>90.119961340614893</v>
      </c>
      <c r="Z71" s="5">
        <v>433.91808864030742</v>
      </c>
      <c r="AA71" s="5">
        <v>92.838973556126049</v>
      </c>
      <c r="AB71" s="5">
        <v>885.5992563550933</v>
      </c>
      <c r="AC71" s="5">
        <v>155.86336006390209</v>
      </c>
      <c r="AD71" s="6">
        <v>13120.995204692441</v>
      </c>
      <c r="AE71" s="5">
        <v>0.42262104936566164</v>
      </c>
      <c r="AF71" s="5">
        <v>53.431086751332607</v>
      </c>
      <c r="AG71" s="5">
        <v>184.66091615870761</v>
      </c>
      <c r="AH71" s="5">
        <v>235.19618152497904</v>
      </c>
    </row>
    <row r="72" spans="1:34" x14ac:dyDescent="0.25">
      <c r="E72" s="1"/>
      <c r="F72" s="1"/>
      <c r="G72" s="1"/>
      <c r="H72" s="1"/>
      <c r="I72" s="1"/>
      <c r="J72" s="1"/>
      <c r="K72" s="1"/>
      <c r="L72" s="1"/>
      <c r="M72" s="1"/>
      <c r="N72" s="1"/>
      <c r="O72" s="1"/>
      <c r="P72" s="1"/>
      <c r="Q72" s="1"/>
      <c r="R72" s="1"/>
      <c r="S72" s="1"/>
      <c r="T72" s="1"/>
      <c r="U72" s="1"/>
      <c r="V72" s="1"/>
      <c r="W72" s="1"/>
      <c r="X72" s="1"/>
      <c r="Y72" s="1"/>
      <c r="Z72" s="1"/>
      <c r="AA72" s="1"/>
      <c r="AB72" s="1"/>
      <c r="AC72" s="1"/>
      <c r="AD72" s="1"/>
      <c r="AE72" s="1"/>
      <c r="AF72" s="1"/>
      <c r="AG72" s="1"/>
      <c r="AH72" s="1"/>
    </row>
  </sheetData>
  <sortState ref="A3:BO75">
    <sortCondition ref="D3"/>
  </sortState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H67"/>
  <sheetViews>
    <sheetView zoomScale="80" zoomScaleNormal="80" workbookViewId="0">
      <pane ySplit="1" topLeftCell="A24" activePane="bottomLeft" state="frozen"/>
      <selection activeCell="BQ47" sqref="BQ47"/>
      <selection pane="bottomLeft" activeCell="T44" sqref="T44"/>
    </sheetView>
  </sheetViews>
  <sheetFormatPr defaultRowHeight="15" x14ac:dyDescent="0.25"/>
  <cols>
    <col min="1" max="1" width="18.42578125" bestFit="1" customWidth="1"/>
    <col min="2" max="2" width="15.85546875" bestFit="1" customWidth="1"/>
    <col min="3" max="3" width="6.5703125" bestFit="1" customWidth="1"/>
    <col min="4" max="4" width="14" customWidth="1"/>
    <col min="5" max="5" width="11.28515625" customWidth="1"/>
    <col min="6" max="34" width="9.7109375" customWidth="1"/>
  </cols>
  <sheetData>
    <row r="1" spans="1:34" x14ac:dyDescent="0.25">
      <c r="A1" s="4" t="s">
        <v>1149</v>
      </c>
      <c r="B1" s="4" t="s">
        <v>1150</v>
      </c>
      <c r="C1" s="4" t="s">
        <v>1082</v>
      </c>
      <c r="D1" s="4" t="s">
        <v>1083</v>
      </c>
      <c r="E1" s="4" t="s">
        <v>1151</v>
      </c>
      <c r="F1" s="4" t="s">
        <v>0</v>
      </c>
      <c r="G1" s="4" t="s">
        <v>1</v>
      </c>
      <c r="H1" s="4" t="s">
        <v>2</v>
      </c>
      <c r="I1" s="4" t="s">
        <v>3</v>
      </c>
      <c r="J1" s="4" t="s">
        <v>4</v>
      </c>
      <c r="K1" s="4" t="s">
        <v>5</v>
      </c>
      <c r="L1" s="4" t="s">
        <v>6</v>
      </c>
      <c r="M1" s="4" t="s">
        <v>7</v>
      </c>
      <c r="N1" s="4" t="s">
        <v>8</v>
      </c>
      <c r="O1" s="4" t="s">
        <v>9</v>
      </c>
      <c r="P1" s="4" t="s">
        <v>10</v>
      </c>
      <c r="Q1" s="4" t="s">
        <v>11</v>
      </c>
      <c r="R1" s="4" t="s">
        <v>12</v>
      </c>
      <c r="S1" s="4" t="s">
        <v>13</v>
      </c>
      <c r="T1" s="4" t="s">
        <v>14</v>
      </c>
      <c r="U1" s="4" t="s">
        <v>15</v>
      </c>
      <c r="V1" s="4" t="s">
        <v>16</v>
      </c>
      <c r="W1" s="4" t="s">
        <v>17</v>
      </c>
      <c r="X1" s="4" t="s">
        <v>18</v>
      </c>
      <c r="Y1" s="4" t="s">
        <v>19</v>
      </c>
      <c r="Z1" s="4" t="s">
        <v>20</v>
      </c>
      <c r="AA1" s="4" t="s">
        <v>21</v>
      </c>
      <c r="AB1" s="4" t="s">
        <v>22</v>
      </c>
      <c r="AC1" s="4" t="s">
        <v>23</v>
      </c>
      <c r="AD1" s="4" t="s">
        <v>24</v>
      </c>
      <c r="AE1" s="4" t="s">
        <v>25</v>
      </c>
      <c r="AF1" s="4" t="s">
        <v>26</v>
      </c>
      <c r="AG1" s="4" t="s">
        <v>27</v>
      </c>
      <c r="AH1" s="4" t="s">
        <v>28</v>
      </c>
    </row>
    <row r="2" spans="1:34" s="2" customFormat="1" x14ac:dyDescent="0.25">
      <c r="A2" s="4" t="s">
        <v>91</v>
      </c>
      <c r="B2" s="4" t="s">
        <v>92</v>
      </c>
      <c r="C2" s="4">
        <v>11</v>
      </c>
      <c r="D2" s="4" t="s">
        <v>1080</v>
      </c>
      <c r="E2" s="5" t="s">
        <v>93</v>
      </c>
      <c r="F2" s="5">
        <v>186856.43298819207</v>
      </c>
      <c r="G2" s="5">
        <v>375.84823600730437</v>
      </c>
      <c r="H2" s="5" t="s">
        <v>94</v>
      </c>
      <c r="I2" s="5">
        <v>307.33210792092734</v>
      </c>
      <c r="J2" s="5">
        <v>10.719402789574325</v>
      </c>
      <c r="K2" s="5">
        <v>14.543579869461055</v>
      </c>
      <c r="L2" s="5">
        <v>0.30452265683486107</v>
      </c>
      <c r="M2" s="5">
        <v>2020.3262359439766</v>
      </c>
      <c r="N2" s="5">
        <v>0.77842780310298476</v>
      </c>
      <c r="O2" s="5" t="s">
        <v>95</v>
      </c>
      <c r="P2" s="5">
        <v>1.0156710332547149E-2</v>
      </c>
      <c r="Q2" s="5">
        <v>23.055625320370691</v>
      </c>
      <c r="R2" s="5">
        <v>0.32418175125141718</v>
      </c>
      <c r="S2" s="5">
        <v>6.5358982712813534</v>
      </c>
      <c r="T2" s="5">
        <v>11.482910379540387</v>
      </c>
      <c r="U2" s="5">
        <v>2.718875393575837</v>
      </c>
      <c r="V2" s="5">
        <v>59.917945167910673</v>
      </c>
      <c r="W2" s="5">
        <v>17.892786509044324</v>
      </c>
      <c r="X2" s="5">
        <v>214.87230616467303</v>
      </c>
      <c r="Y2" s="5">
        <v>77.464399756875707</v>
      </c>
      <c r="Z2" s="5">
        <v>363.74208655425025</v>
      </c>
      <c r="AA2" s="5">
        <v>74.43961534514213</v>
      </c>
      <c r="AB2" s="5">
        <v>676.64781406559757</v>
      </c>
      <c r="AC2" s="5">
        <v>130.08529075818112</v>
      </c>
      <c r="AD2" s="5">
        <v>11575.787157075112</v>
      </c>
      <c r="AE2" s="5">
        <v>0.31836914164478758</v>
      </c>
      <c r="AF2" s="5">
        <v>46.183458327243606</v>
      </c>
      <c r="AG2" s="5">
        <v>164.71733642968093</v>
      </c>
      <c r="AH2" s="5">
        <v>164.51331021276064</v>
      </c>
    </row>
    <row r="3" spans="1:34" s="2" customFormat="1" x14ac:dyDescent="0.25">
      <c r="A3" s="4" t="s">
        <v>112</v>
      </c>
      <c r="B3" s="4" t="s">
        <v>113</v>
      </c>
      <c r="C3" s="4">
        <v>13</v>
      </c>
      <c r="D3" s="4" t="s">
        <v>1080</v>
      </c>
      <c r="E3" s="5">
        <v>1.1128442145689241</v>
      </c>
      <c r="F3" s="5">
        <v>183741.15473261283</v>
      </c>
      <c r="G3" s="5">
        <v>287.61773266839867</v>
      </c>
      <c r="H3" s="5">
        <v>31.731717027195842</v>
      </c>
      <c r="I3" s="5">
        <v>303.8990946409499</v>
      </c>
      <c r="J3" s="5">
        <v>10.593235431453415</v>
      </c>
      <c r="K3" s="5" t="s">
        <v>114</v>
      </c>
      <c r="L3" s="5">
        <v>0.25461756393693813</v>
      </c>
      <c r="M3" s="5">
        <v>976.84297718453979</v>
      </c>
      <c r="N3" s="5">
        <v>0.58836981451774517</v>
      </c>
      <c r="O3" s="5" t="s">
        <v>115</v>
      </c>
      <c r="P3" s="5"/>
      <c r="Q3" s="5">
        <v>15.115744032687664</v>
      </c>
      <c r="R3" s="5">
        <v>0.10626155112930194</v>
      </c>
      <c r="S3" s="5">
        <v>2.5027444029690433</v>
      </c>
      <c r="T3" s="5">
        <v>5.3317107090438416</v>
      </c>
      <c r="U3" s="5">
        <v>1.3656604100313043</v>
      </c>
      <c r="V3" s="5">
        <v>25.773889239448597</v>
      </c>
      <c r="W3" s="5">
        <v>8.2753537727383613</v>
      </c>
      <c r="X3" s="5">
        <v>104.61944245348357</v>
      </c>
      <c r="Y3" s="5">
        <v>38.356318753860052</v>
      </c>
      <c r="Z3" s="5">
        <v>188.87889625722798</v>
      </c>
      <c r="AA3" s="5">
        <v>40.562129959552855</v>
      </c>
      <c r="AB3" s="5">
        <v>388.81888411537528</v>
      </c>
      <c r="AC3" s="5">
        <v>73.284510554972229</v>
      </c>
      <c r="AD3" s="5">
        <v>12093.711052278071</v>
      </c>
      <c r="AE3" s="5">
        <v>0.28063738377263131</v>
      </c>
      <c r="AF3" s="5">
        <v>20.201970342968647</v>
      </c>
      <c r="AG3" s="5">
        <v>63.861438062819317</v>
      </c>
      <c r="AH3" s="5">
        <v>86.175135937686278</v>
      </c>
    </row>
    <row r="4" spans="1:34" s="2" customFormat="1" x14ac:dyDescent="0.25">
      <c r="A4" s="4" t="s">
        <v>150</v>
      </c>
      <c r="B4" s="4" t="s">
        <v>151</v>
      </c>
      <c r="C4" s="4">
        <v>19</v>
      </c>
      <c r="D4" s="4" t="s">
        <v>1080</v>
      </c>
      <c r="E4" s="5">
        <v>1.3570642507221213</v>
      </c>
      <c r="F4" s="5">
        <v>179328.14626045793</v>
      </c>
      <c r="G4" s="5">
        <v>526.93321817821243</v>
      </c>
      <c r="H4" s="5">
        <v>36.628167169045199</v>
      </c>
      <c r="I4" s="5">
        <v>330.14808375897746</v>
      </c>
      <c r="J4" s="5">
        <v>12.814003488262571</v>
      </c>
      <c r="K4" s="5">
        <v>20.778554609005941</v>
      </c>
      <c r="L4" s="5">
        <v>0.44162388334987596</v>
      </c>
      <c r="M4" s="5">
        <v>3016.3990524990318</v>
      </c>
      <c r="N4" s="5">
        <v>1.4242582469554035</v>
      </c>
      <c r="O4" s="5" t="s">
        <v>152</v>
      </c>
      <c r="P4" s="5">
        <v>8.3757899229509214E-2</v>
      </c>
      <c r="Q4" s="5">
        <v>27.227198854105367</v>
      </c>
      <c r="R4" s="5">
        <v>0.60850048317689753</v>
      </c>
      <c r="S4" s="5">
        <v>9.4192259735717005</v>
      </c>
      <c r="T4" s="5">
        <v>17.724710765463787</v>
      </c>
      <c r="U4" s="5">
        <v>4.3348614353154673</v>
      </c>
      <c r="V4" s="5">
        <v>91.425342276379624</v>
      </c>
      <c r="W4" s="5">
        <v>27.849418371119377</v>
      </c>
      <c r="X4" s="5">
        <v>327.73996070906327</v>
      </c>
      <c r="Y4" s="5">
        <v>118.92693218531619</v>
      </c>
      <c r="Z4" s="5">
        <v>553.54403804779156</v>
      </c>
      <c r="AA4" s="5">
        <v>113.09685104922592</v>
      </c>
      <c r="AB4" s="5">
        <v>1017.5651396414622</v>
      </c>
      <c r="AC4" s="5">
        <v>194.6720325020093</v>
      </c>
      <c r="AD4" s="5">
        <v>11013.412840819283</v>
      </c>
      <c r="AE4" s="5">
        <v>0.56664822725394404</v>
      </c>
      <c r="AF4" s="5">
        <v>68.124851036964372</v>
      </c>
      <c r="AG4" s="5">
        <v>256.98281199806735</v>
      </c>
      <c r="AH4" s="5">
        <v>230.88397514529743</v>
      </c>
    </row>
    <row r="5" spans="1:34" s="2" customFormat="1" x14ac:dyDescent="0.25">
      <c r="A5" s="4" t="s">
        <v>153</v>
      </c>
      <c r="B5" s="4" t="s">
        <v>154</v>
      </c>
      <c r="C5" s="4">
        <v>19</v>
      </c>
      <c r="D5" s="4" t="s">
        <v>1080</v>
      </c>
      <c r="E5" s="5" t="s">
        <v>155</v>
      </c>
      <c r="F5" s="5">
        <v>175024.58471467459</v>
      </c>
      <c r="G5" s="5">
        <v>419.32021000262301</v>
      </c>
      <c r="H5" s="5" t="s">
        <v>156</v>
      </c>
      <c r="I5" s="5">
        <v>320.43966131336447</v>
      </c>
      <c r="J5" s="5">
        <v>11.042380707941001</v>
      </c>
      <c r="K5" s="5">
        <v>10.394664103637096</v>
      </c>
      <c r="L5" s="5">
        <v>0.37097381177219313</v>
      </c>
      <c r="M5" s="5">
        <v>2351.5566031736248</v>
      </c>
      <c r="N5" s="5">
        <v>0.9688921108257591</v>
      </c>
      <c r="O5" s="5" t="s">
        <v>157</v>
      </c>
      <c r="P5" s="5">
        <v>2.0804527359150053E-2</v>
      </c>
      <c r="Q5" s="5">
        <v>21.831720193764074</v>
      </c>
      <c r="R5" s="5">
        <v>0.43079401687204477</v>
      </c>
      <c r="S5" s="5">
        <v>7.8591488971506269</v>
      </c>
      <c r="T5" s="5">
        <v>14.339039827686436</v>
      </c>
      <c r="U5" s="5">
        <v>3.4926596096704916</v>
      </c>
      <c r="V5" s="5">
        <v>71.603776717495407</v>
      </c>
      <c r="W5" s="5">
        <v>21.49604320266625</v>
      </c>
      <c r="X5" s="5">
        <v>252.57255651446403</v>
      </c>
      <c r="Y5" s="5">
        <v>92.242315119723202</v>
      </c>
      <c r="Z5" s="5">
        <v>430.78796316508118</v>
      </c>
      <c r="AA5" s="5">
        <v>88.227578201029118</v>
      </c>
      <c r="AB5" s="5">
        <v>801.33861443565286</v>
      </c>
      <c r="AC5" s="5">
        <v>150.66528059812021</v>
      </c>
      <c r="AD5" s="5">
        <v>11258.253308005711</v>
      </c>
      <c r="AE5" s="5">
        <v>0.4095583678535164</v>
      </c>
      <c r="AF5" s="5">
        <v>48.279221492250258</v>
      </c>
      <c r="AG5" s="5">
        <v>180.26748762806312</v>
      </c>
      <c r="AH5" s="5">
        <v>175.92554235988112</v>
      </c>
    </row>
    <row r="6" spans="1:34" s="2" customFormat="1" x14ac:dyDescent="0.25">
      <c r="A6" s="4" t="s">
        <v>158</v>
      </c>
      <c r="B6" s="4" t="s">
        <v>159</v>
      </c>
      <c r="C6" s="4">
        <v>19</v>
      </c>
      <c r="D6" s="4" t="s">
        <v>1080</v>
      </c>
      <c r="E6" s="5" t="s">
        <v>160</v>
      </c>
      <c r="F6" s="5">
        <v>184646.09577272582</v>
      </c>
      <c r="G6" s="5">
        <v>513.97560622796777</v>
      </c>
      <c r="H6" s="5" t="s">
        <v>161</v>
      </c>
      <c r="I6" s="5">
        <v>322.32156906753858</v>
      </c>
      <c r="J6" s="5">
        <v>10.808049518731078</v>
      </c>
      <c r="K6" s="5">
        <v>17.683956068281649</v>
      </c>
      <c r="L6" s="5">
        <v>0.56459487153838095</v>
      </c>
      <c r="M6" s="5">
        <v>2839.469813738533</v>
      </c>
      <c r="N6" s="5">
        <v>1.2969923896679614</v>
      </c>
      <c r="O6" s="5" t="s">
        <v>162</v>
      </c>
      <c r="P6" s="5">
        <v>3.4101911412413387E-2</v>
      </c>
      <c r="Q6" s="5">
        <v>24.392766754044764</v>
      </c>
      <c r="R6" s="5">
        <v>0.51309216865238816</v>
      </c>
      <c r="S6" s="5">
        <v>8.837356537353557</v>
      </c>
      <c r="T6" s="5">
        <v>16.259410244588764</v>
      </c>
      <c r="U6" s="5">
        <v>4.1468957472390429</v>
      </c>
      <c r="V6" s="5">
        <v>84.411918854960078</v>
      </c>
      <c r="W6" s="5">
        <v>25.502205123781948</v>
      </c>
      <c r="X6" s="5">
        <v>299.70858269015503</v>
      </c>
      <c r="Y6" s="5">
        <v>109.88913128048033</v>
      </c>
      <c r="Z6" s="5">
        <v>512.98007448385806</v>
      </c>
      <c r="AA6" s="5">
        <v>103.24278610761152</v>
      </c>
      <c r="AB6" s="5">
        <v>931.28475564958603</v>
      </c>
      <c r="AC6" s="5">
        <v>179.19632188996252</v>
      </c>
      <c r="AD6" s="5">
        <v>11247.635491924333</v>
      </c>
      <c r="AE6" s="5">
        <v>0.48932766294233099</v>
      </c>
      <c r="AF6" s="5">
        <v>64.774077920649731</v>
      </c>
      <c r="AG6" s="5">
        <v>230.85418289989991</v>
      </c>
      <c r="AH6" s="5">
        <v>211.84007143458743</v>
      </c>
    </row>
    <row r="7" spans="1:34" s="2" customFormat="1" x14ac:dyDescent="0.25">
      <c r="A7" s="4" t="s">
        <v>169</v>
      </c>
      <c r="B7" s="4" t="s">
        <v>170</v>
      </c>
      <c r="C7" s="4">
        <v>21</v>
      </c>
      <c r="D7" s="4" t="s">
        <v>1080</v>
      </c>
      <c r="E7" s="5" t="s">
        <v>171</v>
      </c>
      <c r="F7" s="5">
        <v>189927.00379929034</v>
      </c>
      <c r="G7" s="5">
        <v>688.36130456280273</v>
      </c>
      <c r="H7" s="5" t="s">
        <v>172</v>
      </c>
      <c r="I7" s="5">
        <v>318.32783183776917</v>
      </c>
      <c r="J7" s="5">
        <v>12.789184714046158</v>
      </c>
      <c r="K7" s="5">
        <v>22.763907567418844</v>
      </c>
      <c r="L7" s="5">
        <v>0.54236095815228458</v>
      </c>
      <c r="M7" s="5">
        <v>4036.2402333995919</v>
      </c>
      <c r="N7" s="5">
        <v>2.2947595241710608</v>
      </c>
      <c r="O7" s="5" t="s">
        <v>173</v>
      </c>
      <c r="P7" s="5">
        <v>7.9461085068925713E-2</v>
      </c>
      <c r="Q7" s="5">
        <v>33.765165049672653</v>
      </c>
      <c r="R7" s="5">
        <v>0.75696425128142908</v>
      </c>
      <c r="S7" s="5">
        <v>12.218981163106148</v>
      </c>
      <c r="T7" s="5">
        <v>19.29324821273903</v>
      </c>
      <c r="U7" s="5">
        <v>4.3364550941130497</v>
      </c>
      <c r="V7" s="5">
        <v>104.42361505555185</v>
      </c>
      <c r="W7" s="5">
        <v>33.5989732522578</v>
      </c>
      <c r="X7" s="5">
        <v>414.42364108502176</v>
      </c>
      <c r="Y7" s="5">
        <v>153.65597535979262</v>
      </c>
      <c r="Z7" s="5">
        <v>730.19268319169237</v>
      </c>
      <c r="AA7" s="5">
        <v>149.53609220203174</v>
      </c>
      <c r="AB7" s="5">
        <v>1348.3753370686004</v>
      </c>
      <c r="AC7" s="5">
        <v>258.22794707817593</v>
      </c>
      <c r="AD7" s="5">
        <v>10912.270343311875</v>
      </c>
      <c r="AE7" s="5">
        <v>0.84664336534404649</v>
      </c>
      <c r="AF7" s="5">
        <v>109.96858208306563</v>
      </c>
      <c r="AG7" s="5">
        <v>385.89136607426906</v>
      </c>
      <c r="AH7" s="5">
        <v>319.82136336001406</v>
      </c>
    </row>
    <row r="8" spans="1:34" s="2" customFormat="1" x14ac:dyDescent="0.25">
      <c r="A8" s="4" t="s">
        <v>180</v>
      </c>
      <c r="B8" s="4" t="s">
        <v>181</v>
      </c>
      <c r="C8" s="4">
        <v>23</v>
      </c>
      <c r="D8" s="4" t="s">
        <v>1080</v>
      </c>
      <c r="E8" s="5" t="s">
        <v>182</v>
      </c>
      <c r="F8" s="5">
        <v>179846.57412497877</v>
      </c>
      <c r="G8" s="5">
        <v>624.35196831982535</v>
      </c>
      <c r="H8" s="5">
        <v>31.084343721796341</v>
      </c>
      <c r="I8" s="5">
        <v>341.40895375706231</v>
      </c>
      <c r="J8" s="5">
        <v>15.703549297542327</v>
      </c>
      <c r="K8" s="5">
        <v>8.4487329883899847</v>
      </c>
      <c r="L8" s="5">
        <v>0.33078413177685306</v>
      </c>
      <c r="M8" s="5">
        <v>2018.4549559287327</v>
      </c>
      <c r="N8" s="5">
        <v>1.7693575037010185</v>
      </c>
      <c r="O8" s="5">
        <v>0.24882181467378223</v>
      </c>
      <c r="P8" s="5">
        <v>4.0683229285091875E-2</v>
      </c>
      <c r="Q8" s="5">
        <v>29.954444758548973</v>
      </c>
      <c r="R8" s="5">
        <v>0.33230255034193168</v>
      </c>
      <c r="S8" s="5">
        <v>5.11942463348747</v>
      </c>
      <c r="T8" s="5">
        <v>10.125810178598083</v>
      </c>
      <c r="U8" s="5">
        <v>2.3613017809968722</v>
      </c>
      <c r="V8" s="5">
        <v>51.775386233796524</v>
      </c>
      <c r="W8" s="5">
        <v>16.793584861257244</v>
      </c>
      <c r="X8" s="5">
        <v>207.85816473275099</v>
      </c>
      <c r="Y8" s="5">
        <v>78.479951185345996</v>
      </c>
      <c r="Z8" s="5">
        <v>380.39225893283947</v>
      </c>
      <c r="AA8" s="5">
        <v>82.290814498781529</v>
      </c>
      <c r="AB8" s="5">
        <v>770.4010129050838</v>
      </c>
      <c r="AC8" s="5">
        <v>143.07274750270699</v>
      </c>
      <c r="AD8" s="5">
        <v>10764.338358492274</v>
      </c>
      <c r="AE8" s="5">
        <v>0.7574969992818954</v>
      </c>
      <c r="AF8" s="5">
        <v>74.825706781481358</v>
      </c>
      <c r="AG8" s="5">
        <v>269.53463694857112</v>
      </c>
      <c r="AH8" s="5">
        <v>253.8228911673996</v>
      </c>
    </row>
    <row r="9" spans="1:34" s="2" customFormat="1" x14ac:dyDescent="0.25">
      <c r="A9" s="4" t="s">
        <v>213</v>
      </c>
      <c r="B9" s="4" t="s">
        <v>214</v>
      </c>
      <c r="C9" s="4">
        <v>27</v>
      </c>
      <c r="D9" s="4" t="s">
        <v>1080</v>
      </c>
      <c r="E9" s="5" t="s">
        <v>215</v>
      </c>
      <c r="F9" s="5">
        <v>180877.56331622493</v>
      </c>
      <c r="G9" s="5">
        <v>451.35813353184284</v>
      </c>
      <c r="H9" s="5" t="s">
        <v>216</v>
      </c>
      <c r="I9" s="5">
        <v>309.45381987231059</v>
      </c>
      <c r="J9" s="5">
        <v>11.352418539004306</v>
      </c>
      <c r="K9" s="5">
        <v>19.891380649923207</v>
      </c>
      <c r="L9" s="5">
        <v>0.38775705635259999</v>
      </c>
      <c r="M9" s="5">
        <v>2575.6400096051652</v>
      </c>
      <c r="N9" s="5">
        <v>1.0594286789731122</v>
      </c>
      <c r="O9" s="5">
        <v>0.31054537763275225</v>
      </c>
      <c r="P9" s="5">
        <v>2.7618861977270842E-2</v>
      </c>
      <c r="Q9" s="5">
        <v>22.165235560583707</v>
      </c>
      <c r="R9" s="5">
        <v>0.52464980422978169</v>
      </c>
      <c r="S9" s="5">
        <v>8.3477917444660665</v>
      </c>
      <c r="T9" s="5">
        <v>13.615252056322296</v>
      </c>
      <c r="U9" s="5">
        <v>3.1718794342532797</v>
      </c>
      <c r="V9" s="5">
        <v>66.736290481538489</v>
      </c>
      <c r="W9" s="5">
        <v>21.069969907490393</v>
      </c>
      <c r="X9" s="5">
        <v>265.77657666358232</v>
      </c>
      <c r="Y9" s="5">
        <v>101.69534663559342</v>
      </c>
      <c r="Z9" s="5">
        <v>490.57791215318679</v>
      </c>
      <c r="AA9" s="5">
        <v>101.77478982520054</v>
      </c>
      <c r="AB9" s="5">
        <v>931.13209813580067</v>
      </c>
      <c r="AC9" s="5">
        <v>178.4380988660964</v>
      </c>
      <c r="AD9" s="5">
        <v>11562.926217778842</v>
      </c>
      <c r="AE9" s="5">
        <v>0.44913053298453748</v>
      </c>
      <c r="AF9" s="5">
        <v>62.352846883946384</v>
      </c>
      <c r="AG9" s="5">
        <v>233.02316612686292</v>
      </c>
      <c r="AH9" s="5">
        <v>226.05290964852529</v>
      </c>
    </row>
    <row r="10" spans="1:34" s="2" customFormat="1" x14ac:dyDescent="0.25">
      <c r="A10" s="4" t="s">
        <v>234</v>
      </c>
      <c r="B10" s="4" t="s">
        <v>235</v>
      </c>
      <c r="C10" s="4">
        <v>27</v>
      </c>
      <c r="D10" s="4" t="s">
        <v>1080</v>
      </c>
      <c r="E10" s="5">
        <v>0.80074321771474555</v>
      </c>
      <c r="F10" s="5">
        <v>176001.25608921275</v>
      </c>
      <c r="G10" s="5">
        <v>420.45206568188337</v>
      </c>
      <c r="H10" s="5" t="s">
        <v>236</v>
      </c>
      <c r="I10" s="5">
        <v>311.98044915630908</v>
      </c>
      <c r="J10" s="5">
        <v>11.294377681170841</v>
      </c>
      <c r="K10" s="5">
        <v>30.36525373248795</v>
      </c>
      <c r="L10" s="5">
        <v>0.3733718100261344</v>
      </c>
      <c r="M10" s="5">
        <v>2588.8494331623251</v>
      </c>
      <c r="N10" s="5">
        <v>1.1326592842484926</v>
      </c>
      <c r="O10" s="5" t="s">
        <v>237</v>
      </c>
      <c r="P10" s="5">
        <v>3.2084408187288416E-2</v>
      </c>
      <c r="Q10" s="5">
        <v>22.802110646287446</v>
      </c>
      <c r="R10" s="5">
        <v>0.52206425686635305</v>
      </c>
      <c r="S10" s="5">
        <v>8.7373039140176783</v>
      </c>
      <c r="T10" s="5">
        <v>13.21515702515955</v>
      </c>
      <c r="U10" s="5">
        <v>2.9466788380036122</v>
      </c>
      <c r="V10" s="5">
        <v>63.714145154304326</v>
      </c>
      <c r="W10" s="5">
        <v>20.660166850691692</v>
      </c>
      <c r="X10" s="5">
        <v>262.26614619341439</v>
      </c>
      <c r="Y10" s="5">
        <v>100.1271099046897</v>
      </c>
      <c r="Z10" s="5">
        <v>484.76652037375732</v>
      </c>
      <c r="AA10" s="5">
        <v>101.40379243382652</v>
      </c>
      <c r="AB10" s="5">
        <v>931.69821264176812</v>
      </c>
      <c r="AC10" s="5">
        <v>175.05593939692343</v>
      </c>
      <c r="AD10" s="5">
        <v>11191.306033952242</v>
      </c>
      <c r="AE10" s="5">
        <v>0.50377245526269243</v>
      </c>
      <c r="AF10" s="5">
        <v>61.130747478213443</v>
      </c>
      <c r="AG10" s="5">
        <v>230.90347938736645</v>
      </c>
      <c r="AH10" s="5">
        <v>229.21141539536751</v>
      </c>
    </row>
    <row r="11" spans="1:34" s="2" customFormat="1" x14ac:dyDescent="0.25">
      <c r="A11" s="4" t="s">
        <v>217</v>
      </c>
      <c r="B11" s="4" t="s">
        <v>218</v>
      </c>
      <c r="C11" s="4">
        <v>29</v>
      </c>
      <c r="D11" s="4" t="s">
        <v>1080</v>
      </c>
      <c r="E11" s="5">
        <v>0.62419174935459953</v>
      </c>
      <c r="F11" s="5">
        <v>172388.73710699158</v>
      </c>
      <c r="G11" s="5">
        <v>467.7569889096028</v>
      </c>
      <c r="H11" s="5" t="s">
        <v>219</v>
      </c>
      <c r="I11" s="5">
        <v>326.34450060768359</v>
      </c>
      <c r="J11" s="5">
        <v>14.81979569464559</v>
      </c>
      <c r="K11" s="5">
        <v>16.145459302033306</v>
      </c>
      <c r="L11" s="5">
        <v>0.19891953269931584</v>
      </c>
      <c r="M11" s="5">
        <v>1154.1938919300203</v>
      </c>
      <c r="N11" s="5">
        <v>1.345399315580815</v>
      </c>
      <c r="O11" s="5" t="s">
        <v>220</v>
      </c>
      <c r="P11" s="5">
        <v>2.1411526054775469E-2</v>
      </c>
      <c r="Q11" s="5">
        <v>22.770956771348651</v>
      </c>
      <c r="R11" s="5">
        <v>0.14644516314503359</v>
      </c>
      <c r="S11" s="5">
        <v>2.7537681630384303</v>
      </c>
      <c r="T11" s="5">
        <v>5.3256821289351128</v>
      </c>
      <c r="U11" s="5">
        <v>1.2455469857785344</v>
      </c>
      <c r="V11" s="5">
        <v>27.145304101772989</v>
      </c>
      <c r="W11" s="5">
        <v>8.8222637467895044</v>
      </c>
      <c r="X11" s="5">
        <v>112.71594829307764</v>
      </c>
      <c r="Y11" s="5">
        <v>43.506810299543929</v>
      </c>
      <c r="Z11" s="5">
        <v>219.67152974834934</v>
      </c>
      <c r="AA11" s="5">
        <v>48.430796328753111</v>
      </c>
      <c r="AB11" s="5">
        <v>464.43074285104422</v>
      </c>
      <c r="AC11" s="5">
        <v>91.359620008888129</v>
      </c>
      <c r="AD11" s="5">
        <v>10949.612111193885</v>
      </c>
      <c r="AE11" s="5">
        <v>0.53380071333848289</v>
      </c>
      <c r="AF11" s="5">
        <v>37.879723168574287</v>
      </c>
      <c r="AG11" s="5">
        <v>139.79007266722292</v>
      </c>
      <c r="AH11" s="5">
        <v>159.60669176524871</v>
      </c>
    </row>
    <row r="12" spans="1:34" s="2" customFormat="1" x14ac:dyDescent="0.25">
      <c r="A12" s="4" t="s">
        <v>221</v>
      </c>
      <c r="B12" s="4" t="s">
        <v>222</v>
      </c>
      <c r="C12" s="4">
        <v>29</v>
      </c>
      <c r="D12" s="4" t="s">
        <v>1080</v>
      </c>
      <c r="E12" s="5" t="s">
        <v>223</v>
      </c>
      <c r="F12" s="5">
        <v>173472.49860931255</v>
      </c>
      <c r="G12" s="5">
        <v>552.75276055372376</v>
      </c>
      <c r="H12" s="5" t="s">
        <v>224</v>
      </c>
      <c r="I12" s="5">
        <v>338.81391912234881</v>
      </c>
      <c r="J12" s="5">
        <v>15.139956129899042</v>
      </c>
      <c r="K12" s="5">
        <v>33.578338077987922</v>
      </c>
      <c r="L12" s="5">
        <v>0.24991972733879117</v>
      </c>
      <c r="M12" s="5">
        <v>1767.2130244411655</v>
      </c>
      <c r="N12" s="5">
        <v>1.632872154891607</v>
      </c>
      <c r="O12" s="5">
        <v>0.27897994561507183</v>
      </c>
      <c r="P12" s="5">
        <v>4.7556327422854233E-2</v>
      </c>
      <c r="Q12" s="5">
        <v>29.267247343111006</v>
      </c>
      <c r="R12" s="5">
        <v>0.2846560450747011</v>
      </c>
      <c r="S12" s="5">
        <v>4.5414566022400047</v>
      </c>
      <c r="T12" s="5">
        <v>8.8531862198536455</v>
      </c>
      <c r="U12" s="5">
        <v>2.0642602371519732</v>
      </c>
      <c r="V12" s="5">
        <v>45.126744304470641</v>
      </c>
      <c r="W12" s="5">
        <v>14.263835549112555</v>
      </c>
      <c r="X12" s="5">
        <v>177.75902357140404</v>
      </c>
      <c r="Y12" s="5">
        <v>66.859067678693037</v>
      </c>
      <c r="Z12" s="5">
        <v>333.43301522158981</v>
      </c>
      <c r="AA12" s="5">
        <v>70.051081276490052</v>
      </c>
      <c r="AB12" s="5">
        <v>663.2954404187102</v>
      </c>
      <c r="AC12" s="5">
        <v>130.42545280202623</v>
      </c>
      <c r="AD12" s="5">
        <v>10780.310608826405</v>
      </c>
      <c r="AE12" s="5">
        <v>0.6737110554636413</v>
      </c>
      <c r="AF12" s="5">
        <v>61.791501705637593</v>
      </c>
      <c r="AG12" s="5">
        <v>232.27604044595378</v>
      </c>
      <c r="AH12" s="5">
        <v>217.21656785805848</v>
      </c>
    </row>
    <row r="13" spans="1:34" s="2" customFormat="1" x14ac:dyDescent="0.25">
      <c r="A13" s="4" t="s">
        <v>225</v>
      </c>
      <c r="B13" s="4" t="s">
        <v>226</v>
      </c>
      <c r="C13" s="4">
        <v>30</v>
      </c>
      <c r="D13" s="4" t="s">
        <v>1080</v>
      </c>
      <c r="E13" s="5">
        <v>3.8844371455757503</v>
      </c>
      <c r="F13" s="5">
        <v>175273.74441605737</v>
      </c>
      <c r="G13" s="5">
        <v>570.17673963256811</v>
      </c>
      <c r="H13" s="5" t="s">
        <v>227</v>
      </c>
      <c r="I13" s="5">
        <v>322.08024255354917</v>
      </c>
      <c r="J13" s="5">
        <v>11.109226850111712</v>
      </c>
      <c r="K13" s="5">
        <v>9.9052911525761225</v>
      </c>
      <c r="L13" s="5">
        <v>0.29281943942496419</v>
      </c>
      <c r="M13" s="5">
        <v>1716.4937369817762</v>
      </c>
      <c r="N13" s="5">
        <v>1.0421410020392665</v>
      </c>
      <c r="O13" s="5" t="s">
        <v>228</v>
      </c>
      <c r="P13" s="5">
        <v>1.9847945667783692E-2</v>
      </c>
      <c r="Q13" s="5">
        <v>18.44556579452038</v>
      </c>
      <c r="R13" s="5">
        <v>0.23815114987893879</v>
      </c>
      <c r="S13" s="5">
        <v>4.1519781266165783</v>
      </c>
      <c r="T13" s="5">
        <v>7.7337209899587069</v>
      </c>
      <c r="U13" s="5">
        <v>1.8163616203046937</v>
      </c>
      <c r="V13" s="5">
        <v>42.682422080224917</v>
      </c>
      <c r="W13" s="5">
        <v>13.82615339469109</v>
      </c>
      <c r="X13" s="5">
        <v>172.30048728346281</v>
      </c>
      <c r="Y13" s="5">
        <v>64.189085800819569</v>
      </c>
      <c r="Z13" s="5">
        <v>313.85672516561795</v>
      </c>
      <c r="AA13" s="5">
        <v>65.377778975597977</v>
      </c>
      <c r="AB13" s="5">
        <v>604.13088858377228</v>
      </c>
      <c r="AC13" s="5">
        <v>117.17318546322828</v>
      </c>
      <c r="AD13" s="5">
        <v>10785.938559063557</v>
      </c>
      <c r="AE13" s="5">
        <v>0.40898983519685617</v>
      </c>
      <c r="AF13" s="5">
        <v>36.260363195626219</v>
      </c>
      <c r="AG13" s="5">
        <v>136.26893487217939</v>
      </c>
      <c r="AH13" s="5">
        <v>151.17086248955192</v>
      </c>
    </row>
    <row r="14" spans="1:34" x14ac:dyDescent="0.25">
      <c r="A14" s="4" t="s">
        <v>530</v>
      </c>
      <c r="B14" s="4" t="s">
        <v>531</v>
      </c>
      <c r="C14" s="4">
        <v>32</v>
      </c>
      <c r="D14" s="4" t="s">
        <v>1080</v>
      </c>
      <c r="E14" s="5">
        <v>1.4189825800405285</v>
      </c>
      <c r="F14" s="5">
        <v>200740.66905532349</v>
      </c>
      <c r="G14" s="5">
        <v>531.79490242784561</v>
      </c>
      <c r="H14" s="5">
        <v>63.811670942516422</v>
      </c>
      <c r="I14" s="5">
        <v>328.23938475909642</v>
      </c>
      <c r="J14" s="5">
        <v>11.425596738638147</v>
      </c>
      <c r="K14" s="5">
        <v>41.011152226442611</v>
      </c>
      <c r="L14" s="5">
        <v>0.42553299534477607</v>
      </c>
      <c r="M14" s="5">
        <v>2742.833139393113</v>
      </c>
      <c r="N14" s="5">
        <v>1.3141994389538834</v>
      </c>
      <c r="O14" s="5">
        <v>0.29463343015850935</v>
      </c>
      <c r="P14" s="5">
        <v>5.9561962965876618E-2</v>
      </c>
      <c r="Q14" s="5">
        <v>26.133906601101128</v>
      </c>
      <c r="R14" s="5">
        <v>0.58742517720376708</v>
      </c>
      <c r="S14" s="5">
        <v>9.8540659734886145</v>
      </c>
      <c r="T14" s="5">
        <v>16.095588324506142</v>
      </c>
      <c r="U14" s="5">
        <v>3.8595508124572939</v>
      </c>
      <c r="V14" s="5">
        <v>77.951196174541337</v>
      </c>
      <c r="W14" s="5">
        <v>24.625862562899165</v>
      </c>
      <c r="X14" s="5">
        <v>301.44593176749754</v>
      </c>
      <c r="Y14" s="5">
        <v>109.71638705511498</v>
      </c>
      <c r="Z14" s="5">
        <v>517.53524889202197</v>
      </c>
      <c r="AA14" s="5">
        <v>107.94472790657309</v>
      </c>
      <c r="AB14" s="5">
        <v>998.75074618979204</v>
      </c>
      <c r="AC14" s="5">
        <v>180.15507864510667</v>
      </c>
      <c r="AD14" s="5">
        <v>11560.226539811772</v>
      </c>
      <c r="AE14" s="5">
        <v>0.52298869968375317</v>
      </c>
      <c r="AF14" s="5">
        <v>71.812943180833244</v>
      </c>
      <c r="AG14" s="5">
        <v>244.91442391636053</v>
      </c>
      <c r="AH14" s="5">
        <v>238.00176781247765</v>
      </c>
    </row>
    <row r="15" spans="1:34" x14ac:dyDescent="0.25">
      <c r="A15" s="4" t="s">
        <v>532</v>
      </c>
      <c r="B15" s="4" t="s">
        <v>533</v>
      </c>
      <c r="C15" s="4">
        <v>33</v>
      </c>
      <c r="D15" s="4" t="s">
        <v>1080</v>
      </c>
      <c r="E15" s="5" t="s">
        <v>534</v>
      </c>
      <c r="F15" s="5">
        <v>207028.82460765081</v>
      </c>
      <c r="G15" s="5">
        <v>850.26131390977162</v>
      </c>
      <c r="H15" s="5">
        <v>67.689356565424688</v>
      </c>
      <c r="I15" s="5">
        <v>341.4033631295373</v>
      </c>
      <c r="J15" s="5">
        <v>14.745199432922199</v>
      </c>
      <c r="K15" s="5">
        <v>44.009134200635572</v>
      </c>
      <c r="L15" s="5">
        <v>0.55915579562633</v>
      </c>
      <c r="M15" s="5">
        <v>3949.5573479093446</v>
      </c>
      <c r="N15" s="5">
        <v>2.6128561997000235</v>
      </c>
      <c r="O15" s="5" t="s">
        <v>535</v>
      </c>
      <c r="P15" s="5">
        <v>7.2995523063107318E-2</v>
      </c>
      <c r="Q15" s="5">
        <v>39.01170106464447</v>
      </c>
      <c r="R15" s="5">
        <v>0.76026695215148288</v>
      </c>
      <c r="S15" s="5">
        <v>11.614353904599529</v>
      </c>
      <c r="T15" s="5">
        <v>18.144034727850478</v>
      </c>
      <c r="U15" s="5">
        <v>4.6460268957534989</v>
      </c>
      <c r="V15" s="5">
        <v>99.864784807535514</v>
      </c>
      <c r="W15" s="5">
        <v>33.139223742636986</v>
      </c>
      <c r="X15" s="5">
        <v>418.02138520499875</v>
      </c>
      <c r="Y15" s="5">
        <v>157.41258257906972</v>
      </c>
      <c r="Z15" s="5">
        <v>755.04408492534185</v>
      </c>
      <c r="AA15" s="5">
        <v>158.13214478146384</v>
      </c>
      <c r="AB15" s="5">
        <v>1447.8342995121125</v>
      </c>
      <c r="AC15" s="5">
        <v>261.35531897810739</v>
      </c>
      <c r="AD15" s="5">
        <v>10940.766342482631</v>
      </c>
      <c r="AE15" s="5">
        <v>0.99143668434455323</v>
      </c>
      <c r="AF15" s="5">
        <v>182.89837612291308</v>
      </c>
      <c r="AG15" s="5">
        <v>613.87097024301659</v>
      </c>
      <c r="AH15" s="5">
        <v>428.95107389280474</v>
      </c>
    </row>
    <row r="16" spans="1:34" x14ac:dyDescent="0.25">
      <c r="A16" s="4" t="s">
        <v>540</v>
      </c>
      <c r="B16" s="4" t="s">
        <v>541</v>
      </c>
      <c r="C16" s="4">
        <v>36</v>
      </c>
      <c r="D16" s="4" t="s">
        <v>1080</v>
      </c>
      <c r="E16" s="5" t="s">
        <v>542</v>
      </c>
      <c r="F16" s="5">
        <v>196163.84414631344</v>
      </c>
      <c r="G16" s="5">
        <v>441.19389192521891</v>
      </c>
      <c r="H16" s="5">
        <v>61.850370207744703</v>
      </c>
      <c r="I16" s="5">
        <v>323.73588170038323</v>
      </c>
      <c r="J16" s="5">
        <v>10.643498568701224</v>
      </c>
      <c r="K16" s="5" t="s">
        <v>543</v>
      </c>
      <c r="L16" s="5">
        <v>0.40944291947267064</v>
      </c>
      <c r="M16" s="5">
        <v>2259.8161177778447</v>
      </c>
      <c r="N16" s="5">
        <v>0.94765138344480693</v>
      </c>
      <c r="O16" s="5" t="s">
        <v>544</v>
      </c>
      <c r="P16" s="5">
        <v>2.6444371800490037E-2</v>
      </c>
      <c r="Q16" s="5">
        <v>24.013610592286867</v>
      </c>
      <c r="R16" s="5">
        <v>0.42938640406363349</v>
      </c>
      <c r="S16" s="5">
        <v>7.6255273805480144</v>
      </c>
      <c r="T16" s="5">
        <v>14.601599930306525</v>
      </c>
      <c r="U16" s="5">
        <v>3.3405247225192385</v>
      </c>
      <c r="V16" s="5">
        <v>66.052373959755215</v>
      </c>
      <c r="W16" s="5">
        <v>20.428549706174064</v>
      </c>
      <c r="X16" s="5">
        <v>249.00165729841231</v>
      </c>
      <c r="Y16" s="5">
        <v>91.426167620017907</v>
      </c>
      <c r="Z16" s="5">
        <v>427.67934247912956</v>
      </c>
      <c r="AA16" s="5">
        <v>90.442721230891195</v>
      </c>
      <c r="AB16" s="5">
        <v>846.25161518715231</v>
      </c>
      <c r="AC16" s="5">
        <v>148.59851908420814</v>
      </c>
      <c r="AD16" s="5">
        <v>11772.986925944582</v>
      </c>
      <c r="AE16" s="5">
        <v>0.40930144145372815</v>
      </c>
      <c r="AF16" s="5">
        <v>57.723424972916668</v>
      </c>
      <c r="AG16" s="5">
        <v>201.23672219290967</v>
      </c>
      <c r="AH16" s="5">
        <v>211.52028754416088</v>
      </c>
    </row>
    <row r="17" spans="1:34" x14ac:dyDescent="0.25">
      <c r="A17" s="4" t="s">
        <v>40</v>
      </c>
      <c r="B17" s="4" t="s">
        <v>41</v>
      </c>
      <c r="C17" s="4">
        <v>3</v>
      </c>
      <c r="D17" s="4" t="s">
        <v>1080</v>
      </c>
      <c r="E17" s="5" t="s">
        <v>42</v>
      </c>
      <c r="F17" s="5">
        <v>191338.29362176388</v>
      </c>
      <c r="G17" s="5">
        <v>404.1763994022009</v>
      </c>
      <c r="H17" s="5">
        <v>52.736538207000955</v>
      </c>
      <c r="I17" s="5">
        <v>307.74931081673566</v>
      </c>
      <c r="J17" s="5">
        <v>9.6778091605939434</v>
      </c>
      <c r="K17" s="5">
        <v>12.211584221834018</v>
      </c>
      <c r="L17" s="5">
        <v>0.36916735965073633</v>
      </c>
      <c r="M17" s="5">
        <v>2194.6338965232117</v>
      </c>
      <c r="N17" s="5">
        <v>0.90940664580928632</v>
      </c>
      <c r="O17" s="5" t="s">
        <v>43</v>
      </c>
      <c r="P17" s="5">
        <v>5.3446705262378191E-3</v>
      </c>
      <c r="Q17" s="5">
        <v>23.738399842903281</v>
      </c>
      <c r="R17" s="5">
        <v>0.37884415389389187</v>
      </c>
      <c r="S17" s="5">
        <v>7.1885657953606303</v>
      </c>
      <c r="T17" s="5">
        <v>13.019727582844183</v>
      </c>
      <c r="U17" s="5">
        <v>2.9084429327432386</v>
      </c>
      <c r="V17" s="5">
        <v>65.569991175130468</v>
      </c>
      <c r="W17" s="5">
        <v>19.779770457810134</v>
      </c>
      <c r="X17" s="5">
        <v>237.11286921327408</v>
      </c>
      <c r="Y17" s="5">
        <v>86.338174871019163</v>
      </c>
      <c r="Z17" s="5">
        <v>407.10075656694295</v>
      </c>
      <c r="AA17" s="5">
        <v>83.105450527340778</v>
      </c>
      <c r="AB17" s="5">
        <v>772.03758549210704</v>
      </c>
      <c r="AC17" s="5">
        <v>147.46839854775268</v>
      </c>
      <c r="AD17" s="5">
        <v>12264.498606673058</v>
      </c>
      <c r="AE17" s="5">
        <v>0.40222932665129246</v>
      </c>
      <c r="AF17" s="5">
        <v>53.186921441313032</v>
      </c>
      <c r="AG17" s="5">
        <v>191.09788402697814</v>
      </c>
      <c r="AH17" s="5">
        <v>191.35410705852996</v>
      </c>
    </row>
    <row r="18" spans="1:34" x14ac:dyDescent="0.25">
      <c r="A18" s="4" t="s">
        <v>324</v>
      </c>
      <c r="B18" s="4" t="s">
        <v>325</v>
      </c>
      <c r="C18" s="4">
        <v>40</v>
      </c>
      <c r="D18" s="4" t="s">
        <v>1080</v>
      </c>
      <c r="E18" s="5">
        <v>0.83113091909608949</v>
      </c>
      <c r="F18" s="5">
        <v>170943.63952091357</v>
      </c>
      <c r="G18" s="5">
        <v>462.0296208969649</v>
      </c>
      <c r="H18" s="5" t="s">
        <v>326</v>
      </c>
      <c r="I18" s="5">
        <v>338.96397276364814</v>
      </c>
      <c r="J18" s="5">
        <v>16.576929998580546</v>
      </c>
      <c r="K18" s="5">
        <v>12.972439023407832</v>
      </c>
      <c r="L18" s="5">
        <v>0.24021717062169481</v>
      </c>
      <c r="M18" s="5">
        <v>1404.9088548007492</v>
      </c>
      <c r="N18" s="5">
        <v>1.5508176642474538</v>
      </c>
      <c r="O18" s="5" t="s">
        <v>327</v>
      </c>
      <c r="P18" s="5">
        <v>5.0461250956766193E-2</v>
      </c>
      <c r="Q18" s="5">
        <v>25.774086943730758</v>
      </c>
      <c r="R18" s="5">
        <v>0.21080695421039566</v>
      </c>
      <c r="S18" s="5">
        <v>3.5049011578908655</v>
      </c>
      <c r="T18" s="5">
        <v>6.1979257186967356</v>
      </c>
      <c r="U18" s="5">
        <v>1.4007640720468473</v>
      </c>
      <c r="V18" s="5">
        <v>31.669948651182729</v>
      </c>
      <c r="W18" s="5">
        <v>9.6732718982138604</v>
      </c>
      <c r="X18" s="5">
        <v>121.30479076724885</v>
      </c>
      <c r="Y18" s="5">
        <v>46.42779627475268</v>
      </c>
      <c r="Z18" s="5">
        <v>232.70896707283447</v>
      </c>
      <c r="AA18" s="5">
        <v>50.211480834971354</v>
      </c>
      <c r="AB18" s="5">
        <v>477.37436397222075</v>
      </c>
      <c r="AC18" s="5">
        <v>92.649795831781489</v>
      </c>
      <c r="AD18" s="5">
        <v>9142.7371727805439</v>
      </c>
      <c r="AE18" s="5">
        <v>0.57937817857846585</v>
      </c>
      <c r="AF18" s="5">
        <v>38.920894173512195</v>
      </c>
      <c r="AG18" s="5">
        <v>138.42510502215467</v>
      </c>
      <c r="AH18" s="5">
        <v>155.04304864361885</v>
      </c>
    </row>
    <row r="19" spans="1:34" x14ac:dyDescent="0.25">
      <c r="A19" s="4" t="s">
        <v>61</v>
      </c>
      <c r="B19" s="4" t="s">
        <v>62</v>
      </c>
      <c r="C19" s="4">
        <v>6</v>
      </c>
      <c r="D19" s="4" t="s">
        <v>1080</v>
      </c>
      <c r="E19" s="5" t="s">
        <v>63</v>
      </c>
      <c r="F19" s="5">
        <v>197654.6970912831</v>
      </c>
      <c r="G19" s="5">
        <v>607.41077106868215</v>
      </c>
      <c r="H19" s="5">
        <v>53.001011478299361</v>
      </c>
      <c r="I19" s="5">
        <v>317.18088230983909</v>
      </c>
      <c r="J19" s="5">
        <v>12.822429595838456</v>
      </c>
      <c r="K19" s="5">
        <v>11.945155265363177</v>
      </c>
      <c r="L19" s="5">
        <v>0.38297327272226167</v>
      </c>
      <c r="M19" s="5">
        <v>3350.6911410738617</v>
      </c>
      <c r="N19" s="5">
        <v>1.7037182301134011</v>
      </c>
      <c r="O19" s="5">
        <v>0.29650766228413389</v>
      </c>
      <c r="P19" s="5">
        <v>7.034008560217378E-2</v>
      </c>
      <c r="Q19" s="5">
        <v>33.725737786660268</v>
      </c>
      <c r="R19" s="5">
        <v>0.71566855454151368</v>
      </c>
      <c r="S19" s="5">
        <v>11.122421855282655</v>
      </c>
      <c r="T19" s="5">
        <v>20.672624389404206</v>
      </c>
      <c r="U19" s="5">
        <v>4.7212061744165288</v>
      </c>
      <c r="V19" s="5">
        <v>103.57154033100447</v>
      </c>
      <c r="W19" s="5">
        <v>32.082880802389738</v>
      </c>
      <c r="X19" s="5">
        <v>382.32026790474242</v>
      </c>
      <c r="Y19" s="5">
        <v>136.72835609473415</v>
      </c>
      <c r="Z19" s="5">
        <v>629.4008474230767</v>
      </c>
      <c r="AA19" s="5">
        <v>129.5691772362585</v>
      </c>
      <c r="AB19" s="5">
        <v>1195.5589549948479</v>
      </c>
      <c r="AC19" s="5">
        <v>222.9058191753883</v>
      </c>
      <c r="AD19" s="5">
        <v>11573.760527287661</v>
      </c>
      <c r="AE19" s="5">
        <v>0.62627405353684695</v>
      </c>
      <c r="AF19" s="5">
        <v>97.8585764299348</v>
      </c>
      <c r="AG19" s="5">
        <v>338.51424264260874</v>
      </c>
      <c r="AH19" s="5">
        <v>300.65688009033107</v>
      </c>
    </row>
    <row r="20" spans="1:34" x14ac:dyDescent="0.25">
      <c r="A20" s="4" t="s">
        <v>64</v>
      </c>
      <c r="B20" s="4" t="s">
        <v>65</v>
      </c>
      <c r="C20" s="4">
        <v>7</v>
      </c>
      <c r="D20" s="4" t="s">
        <v>1080</v>
      </c>
      <c r="E20" s="5" t="s">
        <v>66</v>
      </c>
      <c r="F20" s="5">
        <v>179802.81525309992</v>
      </c>
      <c r="G20" s="5">
        <v>429.26689137207541</v>
      </c>
      <c r="H20" s="5" t="s">
        <v>67</v>
      </c>
      <c r="I20" s="5">
        <v>344.06686236727995</v>
      </c>
      <c r="J20" s="5">
        <v>12.152961303428135</v>
      </c>
      <c r="K20" s="5">
        <v>5.9957666511005536</v>
      </c>
      <c r="L20" s="5">
        <v>0.26930179073792865</v>
      </c>
      <c r="M20" s="5">
        <v>1149.1215577487058</v>
      </c>
      <c r="N20" s="5">
        <v>1.6787790019253979</v>
      </c>
      <c r="O20" s="5" t="s">
        <v>68</v>
      </c>
      <c r="P20" s="5"/>
      <c r="Q20" s="5">
        <v>19.382154413027003</v>
      </c>
      <c r="R20" s="5">
        <v>0.10963768962078818</v>
      </c>
      <c r="S20" s="5">
        <v>1.8211978054693205</v>
      </c>
      <c r="T20" s="5">
        <v>4.7292291437919456</v>
      </c>
      <c r="U20" s="5">
        <v>1.166590062720664</v>
      </c>
      <c r="V20" s="5">
        <v>24.089686862634707</v>
      </c>
      <c r="W20" s="5">
        <v>8.1502679064909422</v>
      </c>
      <c r="X20" s="5">
        <v>108.38156806556592</v>
      </c>
      <c r="Y20" s="5">
        <v>42.359532933903154</v>
      </c>
      <c r="Z20" s="5">
        <v>224.1927254824771</v>
      </c>
      <c r="AA20" s="5">
        <v>51.254826123959155</v>
      </c>
      <c r="AB20" s="5">
        <v>509.58268684739585</v>
      </c>
      <c r="AC20" s="5">
        <v>104.81288379036266</v>
      </c>
      <c r="AD20" s="5">
        <v>11211.446967236679</v>
      </c>
      <c r="AE20" s="5">
        <v>0.63893847483078359</v>
      </c>
      <c r="AF20" s="5">
        <v>27.276051941003466</v>
      </c>
      <c r="AG20" s="5">
        <v>93.777990742332648</v>
      </c>
      <c r="AH20" s="5">
        <v>169.37035239297745</v>
      </c>
    </row>
    <row r="21" spans="1:34" x14ac:dyDescent="0.25">
      <c r="A21" s="4" t="s">
        <v>79</v>
      </c>
      <c r="B21" s="4" t="s">
        <v>80</v>
      </c>
      <c r="C21" s="4">
        <v>9</v>
      </c>
      <c r="D21" s="4" t="s">
        <v>1080</v>
      </c>
      <c r="E21" s="5" t="s">
        <v>81</v>
      </c>
      <c r="F21" s="5">
        <v>178838.52354428594</v>
      </c>
      <c r="G21" s="5">
        <v>724.12047702121288</v>
      </c>
      <c r="H21" s="5">
        <v>34.035312522044549</v>
      </c>
      <c r="I21" s="5">
        <v>349.77109181356946</v>
      </c>
      <c r="J21" s="5">
        <v>18.82593374834909</v>
      </c>
      <c r="K21" s="5">
        <v>43.548627913954881</v>
      </c>
      <c r="L21" s="5">
        <v>0.41383920519558132</v>
      </c>
      <c r="M21" s="5">
        <v>3168.8312969305093</v>
      </c>
      <c r="N21" s="5">
        <v>2.4550776050295751</v>
      </c>
      <c r="O21" s="5" t="s">
        <v>82</v>
      </c>
      <c r="P21" s="5">
        <v>8.4927915127346654E-2</v>
      </c>
      <c r="Q21" s="5">
        <v>39.402480288647297</v>
      </c>
      <c r="R21" s="5">
        <v>0.58344233367243847</v>
      </c>
      <c r="S21" s="5">
        <v>9.2263209967995312</v>
      </c>
      <c r="T21" s="5">
        <v>15.829757167043701</v>
      </c>
      <c r="U21" s="5">
        <v>3.9869142723050173</v>
      </c>
      <c r="V21" s="5">
        <v>85.72521052788224</v>
      </c>
      <c r="W21" s="5">
        <v>26.894926674467523</v>
      </c>
      <c r="X21" s="5">
        <v>333.7297929972724</v>
      </c>
      <c r="Y21" s="5">
        <v>122.97469071401092</v>
      </c>
      <c r="Z21" s="5">
        <v>584.13111906537085</v>
      </c>
      <c r="AA21" s="5">
        <v>120.32744698671367</v>
      </c>
      <c r="AB21" s="5">
        <v>1111.6473325465238</v>
      </c>
      <c r="AC21" s="5">
        <v>206.98787147039775</v>
      </c>
      <c r="AD21" s="5">
        <v>10129.758978094658</v>
      </c>
      <c r="AE21" s="5">
        <v>0.82901082808374738</v>
      </c>
      <c r="AF21" s="5">
        <v>114.68712529254617</v>
      </c>
      <c r="AG21" s="5">
        <v>422.91110548085987</v>
      </c>
      <c r="AH21" s="5">
        <v>316.73294847220012</v>
      </c>
    </row>
    <row r="22" spans="1:34" x14ac:dyDescent="0.25">
      <c r="A22" s="4" t="s">
        <v>88</v>
      </c>
      <c r="B22" s="4" t="s">
        <v>89</v>
      </c>
      <c r="C22" s="4">
        <v>10</v>
      </c>
      <c r="D22" s="4" t="s">
        <v>1080</v>
      </c>
      <c r="E22" s="5">
        <v>2.8343355894136475</v>
      </c>
      <c r="F22" s="5">
        <v>185662.46976817655</v>
      </c>
      <c r="G22" s="5">
        <v>606.00034616335927</v>
      </c>
      <c r="H22" s="5" t="s">
        <v>90</v>
      </c>
      <c r="I22" s="5">
        <v>312.51886901652568</v>
      </c>
      <c r="J22" s="5">
        <v>14.485966925707476</v>
      </c>
      <c r="K22" s="5">
        <v>35.061833266582738</v>
      </c>
      <c r="L22" s="5">
        <v>0.49875384768242742</v>
      </c>
      <c r="M22" s="5">
        <v>3623.9249627515437</v>
      </c>
      <c r="N22" s="5">
        <v>2.0733720776786035</v>
      </c>
      <c r="O22" s="5">
        <v>0.18831207392784743</v>
      </c>
      <c r="P22" s="5">
        <v>9.7376839038337715E-2</v>
      </c>
      <c r="Q22" s="5">
        <v>30.731713648022357</v>
      </c>
      <c r="R22" s="5">
        <v>0.71344125390942592</v>
      </c>
      <c r="S22" s="5">
        <v>11.152991749557502</v>
      </c>
      <c r="T22" s="5">
        <v>18.602129447373429</v>
      </c>
      <c r="U22" s="5">
        <v>4.4468141010748408</v>
      </c>
      <c r="V22" s="5">
        <v>99.101863983397351</v>
      </c>
      <c r="W22" s="5">
        <v>31.361015865068683</v>
      </c>
      <c r="X22" s="5">
        <v>385.49496701975181</v>
      </c>
      <c r="Y22" s="5">
        <v>140.65463641632547</v>
      </c>
      <c r="Z22" s="5">
        <v>665.64723686864636</v>
      </c>
      <c r="AA22" s="5">
        <v>135.72396321826099</v>
      </c>
      <c r="AB22" s="5">
        <v>1236.6288391368491</v>
      </c>
      <c r="AC22" s="5">
        <v>232.93237556443395</v>
      </c>
      <c r="AD22" s="5">
        <v>10624.693619150083</v>
      </c>
      <c r="AE22" s="5">
        <v>0.73639665809500099</v>
      </c>
      <c r="AF22" s="5">
        <v>97.230654942714892</v>
      </c>
      <c r="AG22" s="5">
        <v>349.49697719392367</v>
      </c>
      <c r="AH22" s="5">
        <v>296.88190821004196</v>
      </c>
    </row>
    <row r="23" spans="1:34" x14ac:dyDescent="0.25">
      <c r="A23" s="4" t="s">
        <v>238</v>
      </c>
      <c r="B23" s="4" t="s">
        <v>239</v>
      </c>
      <c r="C23" s="4">
        <v>21</v>
      </c>
      <c r="D23" s="4" t="s">
        <v>1080</v>
      </c>
      <c r="E23" s="5" t="s">
        <v>240</v>
      </c>
      <c r="F23" s="5">
        <v>178792.47060846959</v>
      </c>
      <c r="G23" s="5">
        <v>456.08654436367073</v>
      </c>
      <c r="H23" s="5">
        <v>33.692056493136427</v>
      </c>
      <c r="I23" s="5">
        <v>312.15502983248086</v>
      </c>
      <c r="J23" s="5">
        <v>12.544885750310003</v>
      </c>
      <c r="K23" s="5">
        <v>23.505667977053402</v>
      </c>
      <c r="L23" s="5">
        <v>0.33655456919593146</v>
      </c>
      <c r="M23" s="5">
        <v>2817.1499632159334</v>
      </c>
      <c r="N23" s="5">
        <v>1.2336570224745973</v>
      </c>
      <c r="O23" s="5" t="s">
        <v>241</v>
      </c>
      <c r="P23" s="5">
        <v>3.5346441152537066E-2</v>
      </c>
      <c r="Q23" s="5">
        <v>27.110354345314587</v>
      </c>
      <c r="R23" s="5">
        <v>0.58838987896382478</v>
      </c>
      <c r="S23" s="5">
        <v>9.3653178080256492</v>
      </c>
      <c r="T23" s="5">
        <v>16.421207933054099</v>
      </c>
      <c r="U23" s="5">
        <v>3.7234966855089229</v>
      </c>
      <c r="V23" s="5">
        <v>79.767024608404952</v>
      </c>
      <c r="W23" s="5">
        <v>24.567643543006032</v>
      </c>
      <c r="X23" s="5">
        <v>297.96596162330763</v>
      </c>
      <c r="Y23" s="5">
        <v>108.26926550805358</v>
      </c>
      <c r="Z23" s="5">
        <v>511.72212044784169</v>
      </c>
      <c r="AA23" s="5">
        <v>105.1076952607299</v>
      </c>
      <c r="AB23" s="5">
        <v>960.39137064736383</v>
      </c>
      <c r="AC23" s="5">
        <v>178.2274679918726</v>
      </c>
      <c r="AD23" s="5">
        <v>11100.602058163347</v>
      </c>
      <c r="AE23" s="5">
        <v>0.48546117862922578</v>
      </c>
      <c r="AF23" s="5">
        <v>65.998895236031373</v>
      </c>
      <c r="AG23" s="5">
        <v>248.44701772687955</v>
      </c>
      <c r="AH23" s="5">
        <v>234.31511068336806</v>
      </c>
    </row>
    <row r="24" spans="1:34" x14ac:dyDescent="0.25">
      <c r="A24" s="4" t="s">
        <v>83</v>
      </c>
      <c r="B24" s="4" t="s">
        <v>84</v>
      </c>
      <c r="C24" s="4">
        <v>9</v>
      </c>
      <c r="D24" s="4" t="s">
        <v>1080</v>
      </c>
      <c r="E24" s="5" t="s">
        <v>85</v>
      </c>
      <c r="F24" s="6">
        <v>185115.47658264334</v>
      </c>
      <c r="G24" s="5">
        <v>616.21676060323739</v>
      </c>
      <c r="H24" s="5" t="s">
        <v>86</v>
      </c>
      <c r="I24" s="5">
        <v>339.55719069568136</v>
      </c>
      <c r="J24" s="5">
        <v>15.635074383847693</v>
      </c>
      <c r="K24" s="5">
        <v>7.6886983992067188</v>
      </c>
      <c r="L24" s="5">
        <v>0.24215858278212576</v>
      </c>
      <c r="M24" s="6">
        <v>1431.8169206054927</v>
      </c>
      <c r="N24" s="5">
        <v>1.4482536121792389</v>
      </c>
      <c r="O24" s="5" t="s">
        <v>87</v>
      </c>
      <c r="P24" s="5">
        <v>1.8170163932699986E-2</v>
      </c>
      <c r="Q24" s="5">
        <v>26.180924147634432</v>
      </c>
      <c r="R24" s="5">
        <v>0.21028971870573382</v>
      </c>
      <c r="S24" s="5">
        <v>3.5274636661604628</v>
      </c>
      <c r="T24" s="5">
        <v>6.9757583747990948</v>
      </c>
      <c r="U24" s="5">
        <v>1.5095936148718605</v>
      </c>
      <c r="V24" s="5">
        <v>34.438295178540706</v>
      </c>
      <c r="W24" s="5">
        <v>10.849886194498003</v>
      </c>
      <c r="X24" s="5">
        <v>139.21428162961834</v>
      </c>
      <c r="Y24" s="5">
        <v>53.13979719553528</v>
      </c>
      <c r="Z24" s="5">
        <v>270.20619211798731</v>
      </c>
      <c r="AA24" s="5">
        <v>58.922620088883278</v>
      </c>
      <c r="AB24" s="5">
        <v>566.10422895918214</v>
      </c>
      <c r="AC24" s="5">
        <v>114.1181673480135</v>
      </c>
      <c r="AD24" s="6">
        <v>10663.406901240805</v>
      </c>
      <c r="AE24" s="5">
        <v>0.69323342166879531</v>
      </c>
      <c r="AF24" s="5">
        <v>58.607246725045762</v>
      </c>
      <c r="AG24" s="5">
        <v>202.81232685818622</v>
      </c>
      <c r="AH24" s="5">
        <v>218.81078729063967</v>
      </c>
    </row>
    <row r="25" spans="1:34" x14ac:dyDescent="0.25">
      <c r="A25" s="4" t="s">
        <v>549</v>
      </c>
      <c r="B25" s="4" t="s">
        <v>550</v>
      </c>
      <c r="C25" s="4">
        <v>38</v>
      </c>
      <c r="D25" s="4" t="s">
        <v>1081</v>
      </c>
      <c r="E25" s="5">
        <v>0.72389788298168734</v>
      </c>
      <c r="F25" s="6">
        <v>201090.39329547074</v>
      </c>
      <c r="G25" s="5">
        <v>644.03772010700095</v>
      </c>
      <c r="H25" s="5">
        <v>61.466188926056525</v>
      </c>
      <c r="I25" s="5">
        <v>313.89348928606586</v>
      </c>
      <c r="J25" s="5">
        <v>6.7027465469553196</v>
      </c>
      <c r="K25" s="5">
        <v>35.809868773955124</v>
      </c>
      <c r="L25" s="5">
        <v>0.50134976384643481</v>
      </c>
      <c r="M25" s="6">
        <v>2861.6378951619149</v>
      </c>
      <c r="N25" s="5">
        <v>1.5962173338139793</v>
      </c>
      <c r="O25" s="5">
        <v>0.27359060038551775</v>
      </c>
      <c r="P25" s="5">
        <v>2.2712243118157931E-2</v>
      </c>
      <c r="Q25" s="5">
        <v>34.852991782312898</v>
      </c>
      <c r="R25" s="5">
        <v>0.45580205571057913</v>
      </c>
      <c r="S25" s="5">
        <v>8.0183928880880746</v>
      </c>
      <c r="T25" s="5">
        <v>14.564038872594146</v>
      </c>
      <c r="U25" s="5">
        <v>3.2061800383737942</v>
      </c>
      <c r="V25" s="5">
        <v>72.047498714542215</v>
      </c>
      <c r="W25" s="5">
        <v>23.053965626338609</v>
      </c>
      <c r="X25" s="5">
        <v>296.36505032681282</v>
      </c>
      <c r="Y25" s="5">
        <v>112.13860534760377</v>
      </c>
      <c r="Z25" s="5">
        <v>562.30632339181068</v>
      </c>
      <c r="AA25" s="5">
        <v>125.184775811176</v>
      </c>
      <c r="AB25" s="5">
        <v>1217.972251877093</v>
      </c>
      <c r="AC25" s="5">
        <v>222.70092233478255</v>
      </c>
      <c r="AD25" s="6">
        <v>13146.214211320585</v>
      </c>
      <c r="AE25" s="5">
        <v>0.72965384441124526</v>
      </c>
      <c r="AF25" s="5">
        <v>127.69408063266866</v>
      </c>
      <c r="AG25" s="5">
        <v>446.41515306580857</v>
      </c>
      <c r="AH25" s="5">
        <v>457.74176377733085</v>
      </c>
    </row>
    <row r="26" spans="1:34" x14ac:dyDescent="0.25">
      <c r="A26" s="4" t="s">
        <v>96</v>
      </c>
      <c r="B26" s="4" t="s">
        <v>97</v>
      </c>
      <c r="C26" s="4">
        <v>11</v>
      </c>
      <c r="D26" s="4" t="s">
        <v>1081</v>
      </c>
      <c r="E26" s="5">
        <v>2.8337382522945798</v>
      </c>
      <c r="F26" s="6">
        <v>176563.80647410892</v>
      </c>
      <c r="G26" s="5">
        <v>389.95344337326958</v>
      </c>
      <c r="H26" s="5">
        <v>24.112716923054709</v>
      </c>
      <c r="I26" s="5">
        <v>314.51460802716173</v>
      </c>
      <c r="J26" s="5">
        <v>11.172736415685547</v>
      </c>
      <c r="K26" s="5">
        <v>22.016507347887934</v>
      </c>
      <c r="L26" s="5">
        <v>0.25110851147488317</v>
      </c>
      <c r="M26" s="6">
        <v>1095.9273693122109</v>
      </c>
      <c r="N26" s="5">
        <v>1.2562880006317594</v>
      </c>
      <c r="O26" s="5">
        <v>0.19234755483691848</v>
      </c>
      <c r="P26" s="5">
        <v>6.8340036535054442E-3</v>
      </c>
      <c r="Q26" s="5">
        <v>26.124820094176957</v>
      </c>
      <c r="R26" s="5">
        <v>0.104889674594493</v>
      </c>
      <c r="S26" s="5">
        <v>2.1950300250970267</v>
      </c>
      <c r="T26" s="5">
        <v>4.8029986251340073</v>
      </c>
      <c r="U26" s="5">
        <v>1.1166065489805015</v>
      </c>
      <c r="V26" s="5">
        <v>25.327793243079462</v>
      </c>
      <c r="W26" s="5">
        <v>8.3073003238877838</v>
      </c>
      <c r="X26" s="5">
        <v>107.88388960667065</v>
      </c>
      <c r="Y26" s="5">
        <v>41.489704828644115</v>
      </c>
      <c r="Z26" s="5">
        <v>206.87988296623749</v>
      </c>
      <c r="AA26" s="5">
        <v>46.26864152905538</v>
      </c>
      <c r="AB26" s="5">
        <v>458.07469453355594</v>
      </c>
      <c r="AC26" s="5">
        <v>83.668188280710524</v>
      </c>
      <c r="AD26" s="6">
        <v>11859.444261394416</v>
      </c>
      <c r="AE26" s="5">
        <v>0.50996902450852644</v>
      </c>
      <c r="AF26" s="5">
        <v>41.06455201458369</v>
      </c>
      <c r="AG26" s="5">
        <v>150.28275774725199</v>
      </c>
      <c r="AH26" s="5">
        <v>194.06242105487098</v>
      </c>
    </row>
    <row r="27" spans="1:34" x14ac:dyDescent="0.25">
      <c r="A27" s="4" t="s">
        <v>98</v>
      </c>
      <c r="B27" s="4" t="s">
        <v>99</v>
      </c>
      <c r="C27" s="4">
        <v>11</v>
      </c>
      <c r="D27" s="4" t="s">
        <v>1081</v>
      </c>
      <c r="E27" s="5" t="s">
        <v>100</v>
      </c>
      <c r="F27" s="6">
        <v>185645.45072910024</v>
      </c>
      <c r="G27" s="5">
        <v>398.90592892132332</v>
      </c>
      <c r="H27" s="5" t="s">
        <v>101</v>
      </c>
      <c r="I27" s="5">
        <v>301.98467866184347</v>
      </c>
      <c r="J27" s="5">
        <v>11.90380239099129</v>
      </c>
      <c r="K27" s="5">
        <v>13.8857896649635</v>
      </c>
      <c r="L27" s="5">
        <v>0.3354761541887058</v>
      </c>
      <c r="M27" s="6">
        <v>2067.1715207417565</v>
      </c>
      <c r="N27" s="5">
        <v>0.7353902678454961</v>
      </c>
      <c r="O27" s="5" t="s">
        <v>102</v>
      </c>
      <c r="P27" s="5">
        <v>1.3755621662992107E-2</v>
      </c>
      <c r="Q27" s="5">
        <v>23.813891003842894</v>
      </c>
      <c r="R27" s="5">
        <v>0.29973449497862986</v>
      </c>
      <c r="S27" s="5">
        <v>6.5224657298730495</v>
      </c>
      <c r="T27" s="5">
        <v>12.033195313300514</v>
      </c>
      <c r="U27" s="5">
        <v>2.6624598046241554</v>
      </c>
      <c r="V27" s="5">
        <v>61.62605454249185</v>
      </c>
      <c r="W27" s="5">
        <v>18.618837962129664</v>
      </c>
      <c r="X27" s="5">
        <v>218.98028282383552</v>
      </c>
      <c r="Y27" s="5">
        <v>78.600721094992366</v>
      </c>
      <c r="Z27" s="5">
        <v>371.13617156087258</v>
      </c>
      <c r="AA27" s="5">
        <v>76.22223710905331</v>
      </c>
      <c r="AB27" s="5">
        <v>685.81487165133478</v>
      </c>
      <c r="AC27" s="5">
        <v>130.78353039893707</v>
      </c>
      <c r="AD27" s="6">
        <v>11733.91045556775</v>
      </c>
      <c r="AE27" s="5">
        <v>0.36010063263073677</v>
      </c>
      <c r="AF27" s="5">
        <v>48.810612007686217</v>
      </c>
      <c r="AG27" s="5">
        <v>167.97929809191143</v>
      </c>
      <c r="AH27" s="5">
        <v>164.88715890268043</v>
      </c>
    </row>
    <row r="28" spans="1:34" x14ac:dyDescent="0.25">
      <c r="A28" s="4" t="s">
        <v>103</v>
      </c>
      <c r="B28" s="4" t="s">
        <v>104</v>
      </c>
      <c r="C28" s="4">
        <v>12</v>
      </c>
      <c r="D28" s="4" t="s">
        <v>1081</v>
      </c>
      <c r="E28" s="5" t="s">
        <v>105</v>
      </c>
      <c r="F28" s="6">
        <v>180091.77355033776</v>
      </c>
      <c r="G28" s="5">
        <v>334.89970803453758</v>
      </c>
      <c r="H28" s="5">
        <v>25.772461582669099</v>
      </c>
      <c r="I28" s="5">
        <v>313.11592431942483</v>
      </c>
      <c r="J28" s="5">
        <v>10.285052710640633</v>
      </c>
      <c r="K28" s="5" t="s">
        <v>106</v>
      </c>
      <c r="L28" s="5">
        <v>0.28683545849623598</v>
      </c>
      <c r="M28" s="6">
        <v>1780.3098863869316</v>
      </c>
      <c r="N28" s="5">
        <v>0.74538757064198879</v>
      </c>
      <c r="O28" s="5">
        <v>0.17893988649595957</v>
      </c>
      <c r="P28" s="5">
        <v>6.1076431296687959E-3</v>
      </c>
      <c r="Q28" s="5">
        <v>21.702783538950875</v>
      </c>
      <c r="R28" s="5">
        <v>0.23300576456106947</v>
      </c>
      <c r="S28" s="5">
        <v>5.0467617780434848</v>
      </c>
      <c r="T28" s="5">
        <v>10.576977836862854</v>
      </c>
      <c r="U28" s="5">
        <v>2.6014402563631509</v>
      </c>
      <c r="V28" s="5">
        <v>52.259255282517621</v>
      </c>
      <c r="W28" s="5">
        <v>16.059543466281465</v>
      </c>
      <c r="X28" s="5">
        <v>193.19915339359653</v>
      </c>
      <c r="Y28" s="5">
        <v>68.953902241504608</v>
      </c>
      <c r="Z28" s="5">
        <v>325.66759865842113</v>
      </c>
      <c r="AA28" s="5">
        <v>67.769897783622298</v>
      </c>
      <c r="AB28" s="5">
        <v>636.83740962152649</v>
      </c>
      <c r="AC28" s="5">
        <v>116.58468129935008</v>
      </c>
      <c r="AD28" s="6">
        <v>11868.347929473313</v>
      </c>
      <c r="AE28" s="5">
        <v>0.34976920126672661</v>
      </c>
      <c r="AF28" s="5">
        <v>36.711908368854388</v>
      </c>
      <c r="AG28" s="5">
        <v>134.04387817179267</v>
      </c>
      <c r="AH28" s="5">
        <v>145.37938837828992</v>
      </c>
    </row>
    <row r="29" spans="1:34" x14ac:dyDescent="0.25">
      <c r="A29" s="4" t="s">
        <v>107</v>
      </c>
      <c r="B29" s="4" t="s">
        <v>108</v>
      </c>
      <c r="C29" s="4">
        <v>12</v>
      </c>
      <c r="D29" s="4" t="s">
        <v>1081</v>
      </c>
      <c r="E29" s="5" t="s">
        <v>109</v>
      </c>
      <c r="F29" s="6">
        <v>180258.41133742026</v>
      </c>
      <c r="G29" s="5">
        <v>470.40199572195996</v>
      </c>
      <c r="H29" s="5">
        <v>30.307081675454974</v>
      </c>
      <c r="I29" s="5">
        <v>308.40011404432391</v>
      </c>
      <c r="J29" s="5">
        <v>8.4255277897287026</v>
      </c>
      <c r="K29" s="5" t="s">
        <v>110</v>
      </c>
      <c r="L29" s="5">
        <v>0.25743030832026115</v>
      </c>
      <c r="M29" s="6">
        <v>1307.5396790433877</v>
      </c>
      <c r="N29" s="5">
        <v>1.7275782724673905</v>
      </c>
      <c r="O29" s="5" t="s">
        <v>111</v>
      </c>
      <c r="P29" s="5">
        <v>5.8175109951946599E-3</v>
      </c>
      <c r="Q29" s="5">
        <v>32.766099417529794</v>
      </c>
      <c r="R29" s="5">
        <v>0.11221805268283898</v>
      </c>
      <c r="S29" s="5">
        <v>2.2233871355420494</v>
      </c>
      <c r="T29" s="5">
        <v>5.4937660169143614</v>
      </c>
      <c r="U29" s="5">
        <v>1.3424450166744049</v>
      </c>
      <c r="V29" s="5">
        <v>27.707158096668778</v>
      </c>
      <c r="W29" s="5">
        <v>9.5219653042952626</v>
      </c>
      <c r="X29" s="5">
        <v>125.61418953221083</v>
      </c>
      <c r="Y29" s="5">
        <v>49.635585667013494</v>
      </c>
      <c r="Z29" s="5">
        <v>257.09013228861312</v>
      </c>
      <c r="AA29" s="5">
        <v>58.205456639921167</v>
      </c>
      <c r="AB29" s="5">
        <v>581.15560489551353</v>
      </c>
      <c r="AC29" s="5">
        <v>111.39722442224395</v>
      </c>
      <c r="AD29" s="6">
        <v>13074.875953234527</v>
      </c>
      <c r="AE29" s="5">
        <v>0.77602191691204203</v>
      </c>
      <c r="AF29" s="5">
        <v>65.501280178978931</v>
      </c>
      <c r="AG29" s="5">
        <v>243.89080214313137</v>
      </c>
      <c r="AH29" s="5">
        <v>299.44088088427583</v>
      </c>
    </row>
    <row r="30" spans="1:34" s="2" customFormat="1" x14ac:dyDescent="0.25">
      <c r="A30" s="4" t="s">
        <v>116</v>
      </c>
      <c r="B30" s="4" t="s">
        <v>117</v>
      </c>
      <c r="C30" s="4">
        <v>13</v>
      </c>
      <c r="D30" s="4" t="s">
        <v>1081</v>
      </c>
      <c r="E30" s="5" t="s">
        <v>118</v>
      </c>
      <c r="F30" s="6">
        <v>184653.95166094715</v>
      </c>
      <c r="G30" s="5">
        <v>508.1011993592623</v>
      </c>
      <c r="H30" s="5" t="s">
        <v>119</v>
      </c>
      <c r="I30" s="5">
        <v>308.50751069547294</v>
      </c>
      <c r="J30" s="5">
        <v>10.767377966289006</v>
      </c>
      <c r="K30" s="5">
        <v>19.366387122490337</v>
      </c>
      <c r="L30" s="5">
        <v>0.46092217296849558</v>
      </c>
      <c r="M30" s="6">
        <v>3081.4940847959442</v>
      </c>
      <c r="N30" s="5">
        <v>1.4587151467506299</v>
      </c>
      <c r="O30" s="5" t="s">
        <v>120</v>
      </c>
      <c r="P30" s="5">
        <v>5.1915155449556265E-2</v>
      </c>
      <c r="Q30" s="5">
        <v>30.131670574442751</v>
      </c>
      <c r="R30" s="5">
        <v>0.62888006905617044</v>
      </c>
      <c r="S30" s="5">
        <v>10.329112008394469</v>
      </c>
      <c r="T30" s="5">
        <v>17.38211832285673</v>
      </c>
      <c r="U30" s="5">
        <v>3.7894615296963647</v>
      </c>
      <c r="V30" s="5">
        <v>85.615044437837554</v>
      </c>
      <c r="W30" s="5">
        <v>26.575369348329129</v>
      </c>
      <c r="X30" s="5">
        <v>332.65858025795478</v>
      </c>
      <c r="Y30" s="5">
        <v>121.91107934629673</v>
      </c>
      <c r="Z30" s="5">
        <v>575.7989286764149</v>
      </c>
      <c r="AA30" s="5">
        <v>118.73737963227913</v>
      </c>
      <c r="AB30" s="5">
        <v>1098.0432772414804</v>
      </c>
      <c r="AC30" s="5">
        <v>202.10534987524795</v>
      </c>
      <c r="AD30" s="6">
        <v>11637.688226619153</v>
      </c>
      <c r="AE30" s="5">
        <v>0.58378348342392883</v>
      </c>
      <c r="AF30" s="5">
        <v>82.320187739426572</v>
      </c>
      <c r="AG30" s="5">
        <v>309.26178338620247</v>
      </c>
      <c r="AH30" s="5">
        <v>286.36959844555633</v>
      </c>
    </row>
    <row r="31" spans="1:34" x14ac:dyDescent="0.25">
      <c r="A31" s="4" t="s">
        <v>121</v>
      </c>
      <c r="B31" s="4" t="s">
        <v>122</v>
      </c>
      <c r="C31" s="4">
        <v>13</v>
      </c>
      <c r="D31" s="4" t="s">
        <v>1081</v>
      </c>
      <c r="E31" s="5" t="s">
        <v>123</v>
      </c>
      <c r="F31" s="6">
        <v>180985.05463004651</v>
      </c>
      <c r="G31" s="5">
        <v>634.65411701645746</v>
      </c>
      <c r="H31" s="5">
        <v>28.714405938304651</v>
      </c>
      <c r="I31" s="5">
        <v>345.23885270454201</v>
      </c>
      <c r="J31" s="5">
        <v>16.206067968121779</v>
      </c>
      <c r="K31" s="5">
        <v>7.9365455445560364</v>
      </c>
      <c r="L31" s="5">
        <v>0.25603941172563327</v>
      </c>
      <c r="M31" s="6">
        <v>1667.0158371119687</v>
      </c>
      <c r="N31" s="5">
        <v>1.5873013797229623</v>
      </c>
      <c r="O31" s="5" t="s">
        <v>124</v>
      </c>
      <c r="P31" s="5">
        <v>1.0261936878780081E-2</v>
      </c>
      <c r="Q31" s="5">
        <v>35.351926785052108</v>
      </c>
      <c r="R31" s="5">
        <v>0.23414376778227766</v>
      </c>
      <c r="S31" s="5">
        <v>4.4107673685733566</v>
      </c>
      <c r="T31" s="5">
        <v>7.9623658752719644</v>
      </c>
      <c r="U31" s="5">
        <v>1.9517417414548881</v>
      </c>
      <c r="V31" s="5">
        <v>40.586233025978849</v>
      </c>
      <c r="W31" s="5">
        <v>13.218431073997069</v>
      </c>
      <c r="X31" s="5">
        <v>167.44318322318088</v>
      </c>
      <c r="Y31" s="5">
        <v>63.985164878982765</v>
      </c>
      <c r="Z31" s="5">
        <v>317.82100276732609</v>
      </c>
      <c r="AA31" s="5">
        <v>69.003074604263759</v>
      </c>
      <c r="AB31" s="5">
        <v>653.86750424826425</v>
      </c>
      <c r="AC31" s="5">
        <v>122.5723271477643</v>
      </c>
      <c r="AD31" s="6">
        <v>11119.481476202505</v>
      </c>
      <c r="AE31" s="5">
        <v>0.72532717275424008</v>
      </c>
      <c r="AF31" s="5">
        <v>106.32526103630178</v>
      </c>
      <c r="AG31" s="5">
        <v>390.13088421447833</v>
      </c>
      <c r="AH31" s="5">
        <v>337.8050606560243</v>
      </c>
    </row>
    <row r="32" spans="1:34" x14ac:dyDescent="0.25">
      <c r="A32" s="4" t="s">
        <v>125</v>
      </c>
      <c r="B32" s="4" t="s">
        <v>126</v>
      </c>
      <c r="C32" s="4">
        <v>14</v>
      </c>
      <c r="D32" s="4" t="s">
        <v>1081</v>
      </c>
      <c r="E32" s="5">
        <v>1.6223577807267582</v>
      </c>
      <c r="F32" s="6">
        <v>180118.37343939499</v>
      </c>
      <c r="G32" s="5">
        <v>512.01520678932297</v>
      </c>
      <c r="H32" s="5" t="s">
        <v>127</v>
      </c>
      <c r="I32" s="5">
        <v>308.67900883345044</v>
      </c>
      <c r="J32" s="5">
        <v>12.972674048759007</v>
      </c>
      <c r="K32" s="5">
        <v>47.615636641507585</v>
      </c>
      <c r="L32" s="5">
        <v>0.51872513504050621</v>
      </c>
      <c r="M32" s="6">
        <v>3296.7299367849296</v>
      </c>
      <c r="N32" s="5">
        <v>1.6170026845080301</v>
      </c>
      <c r="O32" s="5" t="s">
        <v>128</v>
      </c>
      <c r="P32" s="5">
        <v>5.8506217276913845E-2</v>
      </c>
      <c r="Q32" s="5">
        <v>32.026409808629403</v>
      </c>
      <c r="R32" s="5">
        <v>0.67443054765053656</v>
      </c>
      <c r="S32" s="5">
        <v>10.777868972409861</v>
      </c>
      <c r="T32" s="5">
        <v>16.73740520763036</v>
      </c>
      <c r="U32" s="5">
        <v>3.8998443357643668</v>
      </c>
      <c r="V32" s="5">
        <v>81.235852017575624</v>
      </c>
      <c r="W32" s="5">
        <v>26.827057626170184</v>
      </c>
      <c r="X32" s="5">
        <v>343.55855205490053</v>
      </c>
      <c r="Y32" s="5">
        <v>129.89371630744014</v>
      </c>
      <c r="Z32" s="5">
        <v>622.31753323608461</v>
      </c>
      <c r="AA32" s="5">
        <v>129.42674921247442</v>
      </c>
      <c r="AB32" s="5">
        <v>1201.775597089224</v>
      </c>
      <c r="AC32" s="5">
        <v>217.73366716564919</v>
      </c>
      <c r="AD32" s="6">
        <v>11303.291503505365</v>
      </c>
      <c r="AE32" s="5">
        <v>0.6443467893367234</v>
      </c>
      <c r="AF32" s="5">
        <v>95.945356105076286</v>
      </c>
      <c r="AG32" s="5">
        <v>359.8874476233832</v>
      </c>
      <c r="AH32" s="5">
        <v>342.24547508960956</v>
      </c>
    </row>
    <row r="33" spans="1:34" x14ac:dyDescent="0.25">
      <c r="A33" s="4" t="s">
        <v>129</v>
      </c>
      <c r="B33" s="4" t="s">
        <v>130</v>
      </c>
      <c r="C33" s="4">
        <v>15</v>
      </c>
      <c r="D33" s="4" t="s">
        <v>1081</v>
      </c>
      <c r="E33" s="5">
        <v>2.4149625197500577</v>
      </c>
      <c r="F33" s="6">
        <v>175024.59643481579</v>
      </c>
      <c r="G33" s="5">
        <v>319.82596787710867</v>
      </c>
      <c r="H33" s="5">
        <v>27.510648803779699</v>
      </c>
      <c r="I33" s="5">
        <v>291.67562564693816</v>
      </c>
      <c r="J33" s="5">
        <v>7.8443950882605629</v>
      </c>
      <c r="K33" s="5">
        <v>36.631167697100295</v>
      </c>
      <c r="L33" s="5">
        <v>0.27799222795800532</v>
      </c>
      <c r="M33" s="6">
        <v>1838.1214100960476</v>
      </c>
      <c r="N33" s="5">
        <v>1.0326862781261306</v>
      </c>
      <c r="O33" s="5">
        <v>0.20410236081466554</v>
      </c>
      <c r="P33" s="5">
        <v>0.12854902043635463</v>
      </c>
      <c r="Q33" s="5">
        <v>25.119103541398363</v>
      </c>
      <c r="R33" s="5">
        <v>0.28841435234590063</v>
      </c>
      <c r="S33" s="5">
        <v>5.3338581996285059</v>
      </c>
      <c r="T33" s="5">
        <v>9.6414943978637098</v>
      </c>
      <c r="U33" s="5">
        <v>2.1766574192092998</v>
      </c>
      <c r="V33" s="5">
        <v>45.417397857497441</v>
      </c>
      <c r="W33" s="5">
        <v>14.310278803684563</v>
      </c>
      <c r="X33" s="5">
        <v>180.99895756881779</v>
      </c>
      <c r="Y33" s="5">
        <v>69.374601284762363</v>
      </c>
      <c r="Z33" s="5">
        <v>337.6177442671314</v>
      </c>
      <c r="AA33" s="5">
        <v>73.388903439930459</v>
      </c>
      <c r="AB33" s="5">
        <v>700.85245034535501</v>
      </c>
      <c r="AC33" s="5">
        <v>129.2681689913212</v>
      </c>
      <c r="AD33" s="6">
        <v>12444.544641717977</v>
      </c>
      <c r="AE33" s="5">
        <v>0.43922331144382304</v>
      </c>
      <c r="AF33" s="5">
        <v>51.847802550704174</v>
      </c>
      <c r="AG33" s="5">
        <v>191.99805605012966</v>
      </c>
      <c r="AH33" s="5">
        <v>209.03102315888719</v>
      </c>
    </row>
    <row r="34" spans="1:34" x14ac:dyDescent="0.25">
      <c r="A34" s="4" t="s">
        <v>131</v>
      </c>
      <c r="B34" s="4" t="s">
        <v>132</v>
      </c>
      <c r="C34" s="4">
        <v>16</v>
      </c>
      <c r="D34" s="4" t="s">
        <v>1081</v>
      </c>
      <c r="E34" s="5" t="s">
        <v>133</v>
      </c>
      <c r="F34" s="6">
        <v>168145.82911286669</v>
      </c>
      <c r="G34" s="5">
        <v>336.15606402745641</v>
      </c>
      <c r="H34" s="5" t="s">
        <v>134</v>
      </c>
      <c r="I34" s="5">
        <v>327.00471901593909</v>
      </c>
      <c r="J34" s="5">
        <v>11.277915700609041</v>
      </c>
      <c r="K34" s="5">
        <v>6.9215322684801768</v>
      </c>
      <c r="L34" s="5">
        <v>0.21900023018624792</v>
      </c>
      <c r="M34" s="6">
        <v>927.09746085756831</v>
      </c>
      <c r="N34" s="5">
        <v>1.2973724444682244</v>
      </c>
      <c r="O34" s="5">
        <v>0.20137315003404754</v>
      </c>
      <c r="P34" s="5">
        <v>2.4998800344645973E-3</v>
      </c>
      <c r="Q34" s="5">
        <v>16.525770178301585</v>
      </c>
      <c r="R34" s="5">
        <v>7.1173762686638206E-2</v>
      </c>
      <c r="S34" s="5">
        <v>1.3549925662410816</v>
      </c>
      <c r="T34" s="5">
        <v>3.5487808685346698</v>
      </c>
      <c r="U34" s="5">
        <v>0.91059787834433081</v>
      </c>
      <c r="V34" s="5">
        <v>19.987708392129967</v>
      </c>
      <c r="W34" s="5">
        <v>6.6442056528415243</v>
      </c>
      <c r="X34" s="5">
        <v>87.221664720709128</v>
      </c>
      <c r="Y34" s="5">
        <v>33.763098515695788</v>
      </c>
      <c r="Z34" s="5">
        <v>175.19326367064758</v>
      </c>
      <c r="AA34" s="5">
        <v>40.140090472347637</v>
      </c>
      <c r="AB34" s="5">
        <v>397.30080733219739</v>
      </c>
      <c r="AC34" s="5">
        <v>76.925364953081782</v>
      </c>
      <c r="AD34" s="6">
        <v>10951.704853058231</v>
      </c>
      <c r="AE34" s="5">
        <v>0.48503452463192159</v>
      </c>
      <c r="AF34" s="5">
        <v>17.727254792059256</v>
      </c>
      <c r="AG34" s="5">
        <v>67.927399168530968</v>
      </c>
      <c r="AH34" s="5">
        <v>117.61343959226087</v>
      </c>
    </row>
    <row r="35" spans="1:34" x14ac:dyDescent="0.25">
      <c r="A35" s="4" t="s">
        <v>135</v>
      </c>
      <c r="B35" s="4" t="s">
        <v>136</v>
      </c>
      <c r="C35" s="4">
        <v>17</v>
      </c>
      <c r="D35" s="4" t="s">
        <v>1081</v>
      </c>
      <c r="E35" s="5" t="s">
        <v>137</v>
      </c>
      <c r="F35" s="6">
        <v>171453.45096499825</v>
      </c>
      <c r="G35" s="5">
        <v>359.15749319085882</v>
      </c>
      <c r="H35" s="5" t="s">
        <v>138</v>
      </c>
      <c r="I35" s="5">
        <v>309.64585359970414</v>
      </c>
      <c r="J35" s="5">
        <v>8.8043129681306969</v>
      </c>
      <c r="K35" s="5">
        <v>17.102057725860625</v>
      </c>
      <c r="L35" s="5">
        <v>0.41852081673202723</v>
      </c>
      <c r="M35" s="6">
        <v>2077.3287116286119</v>
      </c>
      <c r="N35" s="5">
        <v>0.8113602106047697</v>
      </c>
      <c r="O35" s="5">
        <v>0.22763202179710584</v>
      </c>
      <c r="P35" s="5">
        <v>1.3863334109904018E-2</v>
      </c>
      <c r="Q35" s="5">
        <v>22.633819396877289</v>
      </c>
      <c r="R35" s="5">
        <v>0.32509273172014214</v>
      </c>
      <c r="S35" s="5">
        <v>6.4402711788652063</v>
      </c>
      <c r="T35" s="5">
        <v>12.07655119977184</v>
      </c>
      <c r="U35" s="5">
        <v>2.7585262029422579</v>
      </c>
      <c r="V35" s="5">
        <v>55.76484264950264</v>
      </c>
      <c r="W35" s="5">
        <v>17.183516638382091</v>
      </c>
      <c r="X35" s="5">
        <v>213.33082770964472</v>
      </c>
      <c r="Y35" s="5">
        <v>80.0426831856186</v>
      </c>
      <c r="Z35" s="5">
        <v>387.16914158897322</v>
      </c>
      <c r="AA35" s="5">
        <v>81.492952910424819</v>
      </c>
      <c r="AB35" s="5">
        <v>750.49597237676198</v>
      </c>
      <c r="AC35" s="5">
        <v>143.18415567049232</v>
      </c>
      <c r="AD35" s="6">
        <v>12130.599805402064</v>
      </c>
      <c r="AE35" s="5">
        <v>0.42669497504886361</v>
      </c>
      <c r="AF35" s="5">
        <v>50.62160485451912</v>
      </c>
      <c r="AG35" s="5">
        <v>184.99906151766447</v>
      </c>
      <c r="AH35" s="5">
        <v>195.63923790347471</v>
      </c>
    </row>
    <row r="36" spans="1:34" x14ac:dyDescent="0.25">
      <c r="A36" s="4" t="s">
        <v>139</v>
      </c>
      <c r="B36" s="4" t="s">
        <v>140</v>
      </c>
      <c r="C36" s="4">
        <v>18</v>
      </c>
      <c r="D36" s="4" t="s">
        <v>1081</v>
      </c>
      <c r="E36" s="5" t="s">
        <v>141</v>
      </c>
      <c r="F36" s="6">
        <v>174607.42401218653</v>
      </c>
      <c r="G36" s="5">
        <v>420.65082718804535</v>
      </c>
      <c r="H36" s="5" t="s">
        <v>142</v>
      </c>
      <c r="I36" s="5">
        <v>315.13141562811529</v>
      </c>
      <c r="J36" s="5">
        <v>11.261837473069686</v>
      </c>
      <c r="K36" s="5" t="s">
        <v>143</v>
      </c>
      <c r="L36" s="5">
        <v>0.23267346424452587</v>
      </c>
      <c r="M36" s="6">
        <v>1061.300664821129</v>
      </c>
      <c r="N36" s="5">
        <v>1.1372707927574579</v>
      </c>
      <c r="O36" s="5" t="s">
        <v>144</v>
      </c>
      <c r="P36" s="5">
        <v>4.9636011673060308E-3</v>
      </c>
      <c r="Q36" s="5">
        <v>22.940439776519757</v>
      </c>
      <c r="R36" s="5">
        <v>0.11488967591633334</v>
      </c>
      <c r="S36" s="5">
        <v>2.3157273415487309</v>
      </c>
      <c r="T36" s="5">
        <v>4.447523966379066</v>
      </c>
      <c r="U36" s="5">
        <v>1.0914476561692614</v>
      </c>
      <c r="V36" s="5">
        <v>23.765629919762485</v>
      </c>
      <c r="W36" s="5">
        <v>8.1031763019567382</v>
      </c>
      <c r="X36" s="5">
        <v>103.6805006737622</v>
      </c>
      <c r="Y36" s="5">
        <v>39.977402570647911</v>
      </c>
      <c r="Z36" s="5">
        <v>205.50030301680107</v>
      </c>
      <c r="AA36" s="5">
        <v>44.287766562386963</v>
      </c>
      <c r="AB36" s="5">
        <v>432.54323025060251</v>
      </c>
      <c r="AC36" s="5">
        <v>85.558188822104</v>
      </c>
      <c r="AD36" s="6">
        <v>12134.657229944933</v>
      </c>
      <c r="AE36" s="5">
        <v>0.5498724310294506</v>
      </c>
      <c r="AF36" s="5">
        <v>37.48666015162059</v>
      </c>
      <c r="AG36" s="5">
        <v>138.80484231334282</v>
      </c>
      <c r="AH36" s="5">
        <v>181.01562320407513</v>
      </c>
    </row>
    <row r="37" spans="1:34" x14ac:dyDescent="0.25">
      <c r="A37" s="4" t="s">
        <v>145</v>
      </c>
      <c r="B37" s="4" t="s">
        <v>146</v>
      </c>
      <c r="C37" s="4">
        <v>19</v>
      </c>
      <c r="D37" s="4" t="s">
        <v>1081</v>
      </c>
      <c r="E37" s="5" t="s">
        <v>147</v>
      </c>
      <c r="F37" s="6">
        <v>175580.39215256795</v>
      </c>
      <c r="G37" s="5">
        <v>489.65260447160409</v>
      </c>
      <c r="H37" s="5" t="s">
        <v>148</v>
      </c>
      <c r="I37" s="5">
        <v>360.64371432070834</v>
      </c>
      <c r="J37" s="5">
        <v>9.3025301932138653</v>
      </c>
      <c r="K37" s="5" t="s">
        <v>149</v>
      </c>
      <c r="L37" s="5">
        <v>0.32010121595983931</v>
      </c>
      <c r="M37" s="6">
        <v>1552.3965947203239</v>
      </c>
      <c r="N37" s="5">
        <v>2.7081264552528359</v>
      </c>
      <c r="O37" s="5">
        <v>0.23658523069326315</v>
      </c>
      <c r="P37" s="5">
        <v>5.4572930015125594E-3</v>
      </c>
      <c r="Q37" s="5">
        <v>29.643189675835206</v>
      </c>
      <c r="R37" s="5">
        <v>0.10473031566768691</v>
      </c>
      <c r="S37" s="5">
        <v>2.0856669585906014</v>
      </c>
      <c r="T37" s="5">
        <v>5.0206811682727341</v>
      </c>
      <c r="U37" s="5">
        <v>1.3751043798661358</v>
      </c>
      <c r="V37" s="5">
        <v>30.246417297504063</v>
      </c>
      <c r="W37" s="5">
        <v>10.407175283711446</v>
      </c>
      <c r="X37" s="5">
        <v>140.16056910217944</v>
      </c>
      <c r="Y37" s="5">
        <v>57.619389815455534</v>
      </c>
      <c r="Z37" s="5">
        <v>309.30755999225755</v>
      </c>
      <c r="AA37" s="5">
        <v>72.191593110859742</v>
      </c>
      <c r="AB37" s="5">
        <v>720.29753044866607</v>
      </c>
      <c r="AC37" s="5">
        <v>147.47948330093368</v>
      </c>
      <c r="AD37" s="6">
        <v>12353.682525893648</v>
      </c>
      <c r="AE37" s="5">
        <v>1.0095715827048586</v>
      </c>
      <c r="AF37" s="5">
        <v>40.320480770776818</v>
      </c>
      <c r="AG37" s="5">
        <v>147.12457654696564</v>
      </c>
      <c r="AH37" s="5">
        <v>254.68947108715372</v>
      </c>
    </row>
    <row r="38" spans="1:34" x14ac:dyDescent="0.25">
      <c r="A38" s="4" t="s">
        <v>29</v>
      </c>
      <c r="B38" s="4" t="s">
        <v>30</v>
      </c>
      <c r="C38" s="4">
        <v>1</v>
      </c>
      <c r="D38" s="4" t="s">
        <v>1081</v>
      </c>
      <c r="E38" s="5" t="s">
        <v>31</v>
      </c>
      <c r="F38" s="6">
        <v>185440.65713237139</v>
      </c>
      <c r="G38" s="5">
        <v>532.50193339615794</v>
      </c>
      <c r="H38" s="5">
        <v>41.598499754882688</v>
      </c>
      <c r="I38" s="5">
        <v>314.43676697138994</v>
      </c>
      <c r="J38" s="5">
        <v>13.201137068224128</v>
      </c>
      <c r="K38" s="5">
        <v>7.1867980173569315</v>
      </c>
      <c r="L38" s="5">
        <v>0.43945259388668412</v>
      </c>
      <c r="M38" s="6">
        <v>2949.2592638784913</v>
      </c>
      <c r="N38" s="5">
        <v>1.2548357696932739</v>
      </c>
      <c r="O38" s="5" t="s">
        <v>32</v>
      </c>
      <c r="P38" s="5">
        <v>5.2876441759060852E-2</v>
      </c>
      <c r="Q38" s="5">
        <v>27.511334261189443</v>
      </c>
      <c r="R38" s="5">
        <v>0.6373335125682158</v>
      </c>
      <c r="S38" s="5">
        <v>10.318140721415372</v>
      </c>
      <c r="T38" s="5">
        <v>17.653114418021172</v>
      </c>
      <c r="U38" s="5">
        <v>4.2567153608070463</v>
      </c>
      <c r="V38" s="5">
        <v>90.665401700846417</v>
      </c>
      <c r="W38" s="5">
        <v>27.331994370028124</v>
      </c>
      <c r="X38" s="5">
        <v>326.71031447053207</v>
      </c>
      <c r="Y38" s="5">
        <v>117.38610446233864</v>
      </c>
      <c r="Z38" s="5">
        <v>552.73166002328276</v>
      </c>
      <c r="AA38" s="5">
        <v>112.37902727042466</v>
      </c>
      <c r="AB38" s="5">
        <v>1023.9873076830203</v>
      </c>
      <c r="AC38" s="5">
        <v>193.64723781865902</v>
      </c>
      <c r="AD38" s="6">
        <v>11238.269704827415</v>
      </c>
      <c r="AE38" s="5">
        <v>0.48709915491392308</v>
      </c>
      <c r="AF38" s="5">
        <v>73.492527541235177</v>
      </c>
      <c r="AG38" s="5">
        <v>266.99417832065006</v>
      </c>
      <c r="AH38" s="5">
        <v>239.14079717593933</v>
      </c>
    </row>
    <row r="39" spans="1:34" x14ac:dyDescent="0.25">
      <c r="A39" s="4" t="s">
        <v>33</v>
      </c>
      <c r="B39" s="4" t="s">
        <v>34</v>
      </c>
      <c r="C39" s="4">
        <v>1</v>
      </c>
      <c r="D39" s="4" t="s">
        <v>1081</v>
      </c>
      <c r="E39" s="5" t="s">
        <v>35</v>
      </c>
      <c r="F39" s="6">
        <v>176431.63826825799</v>
      </c>
      <c r="G39" s="5">
        <v>365.83055569136116</v>
      </c>
      <c r="H39" s="5">
        <v>29.261270779142833</v>
      </c>
      <c r="I39" s="5">
        <v>307.05880774605191</v>
      </c>
      <c r="J39" s="5">
        <v>12.844692868124518</v>
      </c>
      <c r="K39" s="5">
        <v>5.9297766186827481</v>
      </c>
      <c r="L39" s="5">
        <v>0.18662878038059655</v>
      </c>
      <c r="M39" s="6">
        <v>855.04053701367195</v>
      </c>
      <c r="N39" s="5">
        <v>0.94383879150511885</v>
      </c>
      <c r="O39" s="5" t="s">
        <v>36</v>
      </c>
      <c r="P39" s="5">
        <v>4.3388650614002077E-3</v>
      </c>
      <c r="Q39" s="5">
        <v>17.715141705216773</v>
      </c>
      <c r="R39" s="5">
        <v>9.1056556756407614E-2</v>
      </c>
      <c r="S39" s="5">
        <v>1.6384718031742007</v>
      </c>
      <c r="T39" s="5">
        <v>3.8713734502915047</v>
      </c>
      <c r="U39" s="5">
        <v>0.97679254532623194</v>
      </c>
      <c r="V39" s="5">
        <v>19.588459726115953</v>
      </c>
      <c r="W39" s="5">
        <v>6.4961956708306055</v>
      </c>
      <c r="X39" s="5">
        <v>82.94585018052787</v>
      </c>
      <c r="Y39" s="5">
        <v>32.041076419707117</v>
      </c>
      <c r="Z39" s="5">
        <v>163.50129034408894</v>
      </c>
      <c r="AA39" s="5">
        <v>36.003663555330597</v>
      </c>
      <c r="AB39" s="5">
        <v>354.25790338458501</v>
      </c>
      <c r="AC39" s="5">
        <v>69.278939547101174</v>
      </c>
      <c r="AD39" s="6">
        <v>11440.569685221295</v>
      </c>
      <c r="AE39" s="5">
        <v>0.42392046742734552</v>
      </c>
      <c r="AF39" s="5">
        <v>26.139423701619123</v>
      </c>
      <c r="AG39" s="5">
        <v>93.502479058895318</v>
      </c>
      <c r="AH39" s="5">
        <v>130.78394659875977</v>
      </c>
    </row>
    <row r="40" spans="1:34" x14ac:dyDescent="0.25">
      <c r="A40" s="4" t="s">
        <v>163</v>
      </c>
      <c r="B40" s="4" t="s">
        <v>164</v>
      </c>
      <c r="C40" s="4">
        <v>20</v>
      </c>
      <c r="D40" s="4" t="s">
        <v>1081</v>
      </c>
      <c r="E40" s="5">
        <v>0.51614210877060185</v>
      </c>
      <c r="F40" s="6">
        <v>188319.08141597992</v>
      </c>
      <c r="G40" s="5">
        <v>404.01072850453312</v>
      </c>
      <c r="H40" s="5">
        <v>23.714360213885001</v>
      </c>
      <c r="I40" s="5">
        <v>311.83611686302515</v>
      </c>
      <c r="J40" s="5">
        <v>9.8050418038057643</v>
      </c>
      <c r="K40" s="5">
        <v>3.8454588838202781</v>
      </c>
      <c r="L40" s="5">
        <v>0.31769754293483127</v>
      </c>
      <c r="M40" s="6">
        <v>2098.8902654080416</v>
      </c>
      <c r="N40" s="5">
        <v>0.87924003183747312</v>
      </c>
      <c r="O40" s="5" t="s">
        <v>165</v>
      </c>
      <c r="P40" s="5">
        <v>1.8691264395815785E-2</v>
      </c>
      <c r="Q40" s="5">
        <v>21.513618786620061</v>
      </c>
      <c r="R40" s="5">
        <v>0.32657402864871959</v>
      </c>
      <c r="S40" s="5">
        <v>6.6458042469557626</v>
      </c>
      <c r="T40" s="5">
        <v>11.699757920001252</v>
      </c>
      <c r="U40" s="5">
        <v>2.742621130735472</v>
      </c>
      <c r="V40" s="5">
        <v>54.031749228966163</v>
      </c>
      <c r="W40" s="5">
        <v>16.956300118424775</v>
      </c>
      <c r="X40" s="5">
        <v>209.76632602198958</v>
      </c>
      <c r="Y40" s="5">
        <v>79.481391453243759</v>
      </c>
      <c r="Z40" s="5">
        <v>383.51990068526618</v>
      </c>
      <c r="AA40" s="5">
        <v>80.688706659565014</v>
      </c>
      <c r="AB40" s="5">
        <v>748.32538370634836</v>
      </c>
      <c r="AC40" s="5">
        <v>138.85728879726867</v>
      </c>
      <c r="AD40" s="6">
        <v>11728.805392436439</v>
      </c>
      <c r="AE40" s="5">
        <v>0.39458556532006495</v>
      </c>
      <c r="AF40" s="5">
        <v>49.851698277974172</v>
      </c>
      <c r="AG40" s="5">
        <v>174.19814914296896</v>
      </c>
      <c r="AH40" s="5">
        <v>188.64172941670145</v>
      </c>
    </row>
    <row r="41" spans="1:34" x14ac:dyDescent="0.25">
      <c r="A41" s="4" t="s">
        <v>166</v>
      </c>
      <c r="B41" s="4" t="s">
        <v>167</v>
      </c>
      <c r="C41" s="4">
        <v>20</v>
      </c>
      <c r="D41" s="4" t="s">
        <v>1081</v>
      </c>
      <c r="E41" s="5">
        <v>0.66852060336171393</v>
      </c>
      <c r="F41" s="6">
        <v>190433.89751863061</v>
      </c>
      <c r="G41" s="5">
        <v>393.14375271449296</v>
      </c>
      <c r="H41" s="5" t="s">
        <v>168</v>
      </c>
      <c r="I41" s="5">
        <v>303.01058678868776</v>
      </c>
      <c r="J41" s="5">
        <v>7.3941737761208737</v>
      </c>
      <c r="K41" s="5">
        <v>8.4530142280360803</v>
      </c>
      <c r="L41" s="5">
        <v>0.35768622188053645</v>
      </c>
      <c r="M41" s="6">
        <v>2103.7489659606499</v>
      </c>
      <c r="N41" s="5">
        <v>0.87100145328206258</v>
      </c>
      <c r="O41" s="5">
        <v>0.21867339787849224</v>
      </c>
      <c r="P41" s="5">
        <v>1.58602248649365E-2</v>
      </c>
      <c r="Q41" s="5">
        <v>24.463603650117133</v>
      </c>
      <c r="R41" s="5">
        <v>0.25748452583392506</v>
      </c>
      <c r="S41" s="5">
        <v>5.0958879620763851</v>
      </c>
      <c r="T41" s="5">
        <v>10.993413904814435</v>
      </c>
      <c r="U41" s="5">
        <v>2.3328419642867506</v>
      </c>
      <c r="V41" s="5">
        <v>51.51623632391361</v>
      </c>
      <c r="W41" s="5">
        <v>16.215497298527552</v>
      </c>
      <c r="X41" s="5">
        <v>205.40598913145556</v>
      </c>
      <c r="Y41" s="5">
        <v>78.958703004335689</v>
      </c>
      <c r="Z41" s="5">
        <v>388.23246748018857</v>
      </c>
      <c r="AA41" s="5">
        <v>83.172088392178807</v>
      </c>
      <c r="AB41" s="5">
        <v>780.79701946901207</v>
      </c>
      <c r="AC41" s="5">
        <v>151.69869367136039</v>
      </c>
      <c r="AD41" s="6">
        <v>12267.408106867224</v>
      </c>
      <c r="AE41" s="5">
        <v>0.41865386206348537</v>
      </c>
      <c r="AF41" s="5">
        <v>59.117269926578167</v>
      </c>
      <c r="AG41" s="5">
        <v>210.69676005444714</v>
      </c>
      <c r="AH41" s="5">
        <v>226.4124803602601</v>
      </c>
    </row>
    <row r="42" spans="1:34" x14ac:dyDescent="0.25">
      <c r="A42" s="4" t="s">
        <v>174</v>
      </c>
      <c r="B42" s="4" t="s">
        <v>175</v>
      </c>
      <c r="C42" s="4">
        <v>21</v>
      </c>
      <c r="D42" s="4" t="s">
        <v>1081</v>
      </c>
      <c r="E42" s="5">
        <v>0.85391719401338739</v>
      </c>
      <c r="F42" s="6">
        <v>182415.6654739888</v>
      </c>
      <c r="G42" s="5">
        <v>472.40684562017753</v>
      </c>
      <c r="H42" s="5">
        <v>30.60576589348338</v>
      </c>
      <c r="I42" s="5">
        <v>307.81008916667611</v>
      </c>
      <c r="J42" s="5">
        <v>8.8376529444134118</v>
      </c>
      <c r="K42" s="5">
        <v>11.790579412292155</v>
      </c>
      <c r="L42" s="5">
        <v>0.31937190096138945</v>
      </c>
      <c r="M42" s="6">
        <v>1281.837846208103</v>
      </c>
      <c r="N42" s="5">
        <v>1.7792265318369338</v>
      </c>
      <c r="O42" s="5" t="s">
        <v>176</v>
      </c>
      <c r="P42" s="5">
        <v>5.183546854965871E-2</v>
      </c>
      <c r="Q42" s="5">
        <v>32.736125189345096</v>
      </c>
      <c r="R42" s="5">
        <v>0.12668436703856956</v>
      </c>
      <c r="S42" s="5">
        <v>2.2255621364088021</v>
      </c>
      <c r="T42" s="5">
        <v>5.0107085581545006</v>
      </c>
      <c r="U42" s="5">
        <v>1.1072067547508595</v>
      </c>
      <c r="V42" s="5">
        <v>26.237448921161516</v>
      </c>
      <c r="W42" s="5">
        <v>9.1784001155069372</v>
      </c>
      <c r="X42" s="5">
        <v>117.27131764338201</v>
      </c>
      <c r="Y42" s="5">
        <v>46.734907156068829</v>
      </c>
      <c r="Z42" s="5">
        <v>244.02205819788409</v>
      </c>
      <c r="AA42" s="5">
        <v>55.453019005994918</v>
      </c>
      <c r="AB42" s="5">
        <v>557.32124254070618</v>
      </c>
      <c r="AC42" s="5">
        <v>103.25724990647888</v>
      </c>
      <c r="AD42" s="6">
        <v>12582.032929975901</v>
      </c>
      <c r="AE42" s="5">
        <v>0.77226959951994945</v>
      </c>
      <c r="AF42" s="5">
        <v>87.09721410660805</v>
      </c>
      <c r="AG42" s="5">
        <v>298.48550387072254</v>
      </c>
      <c r="AH42" s="5">
        <v>347.11148576370908</v>
      </c>
    </row>
    <row r="43" spans="1:34" x14ac:dyDescent="0.25">
      <c r="A43" s="4" t="s">
        <v>242</v>
      </c>
      <c r="B43" s="4" t="s">
        <v>243</v>
      </c>
      <c r="C43" s="4">
        <v>21</v>
      </c>
      <c r="D43" s="4" t="s">
        <v>1081</v>
      </c>
      <c r="E43" s="5">
        <v>1.6551315112712846</v>
      </c>
      <c r="F43" s="6">
        <v>184599.47462839293</v>
      </c>
      <c r="G43" s="5">
        <v>441.13114311128652</v>
      </c>
      <c r="H43" s="5">
        <v>42.996699099011714</v>
      </c>
      <c r="I43" s="5">
        <v>301.67932596318042</v>
      </c>
      <c r="J43" s="5">
        <v>8.0686743094097277</v>
      </c>
      <c r="K43" s="5" t="s">
        <v>244</v>
      </c>
      <c r="L43" s="5">
        <v>0.31957940084711028</v>
      </c>
      <c r="M43" s="6">
        <v>1142.5335157287886</v>
      </c>
      <c r="N43" s="5">
        <v>1.5868771768526426</v>
      </c>
      <c r="O43" s="5" t="s">
        <v>245</v>
      </c>
      <c r="P43" s="5">
        <v>7.236253512274532E-2</v>
      </c>
      <c r="Q43" s="5">
        <v>29.963787234909464</v>
      </c>
      <c r="R43" s="5">
        <v>0.11004924381690552</v>
      </c>
      <c r="S43" s="5">
        <v>2.0985790976434577</v>
      </c>
      <c r="T43" s="5">
        <v>4.3608741354420539</v>
      </c>
      <c r="U43" s="5">
        <v>0.94529363837870006</v>
      </c>
      <c r="V43" s="5">
        <v>23.97645917835672</v>
      </c>
      <c r="W43" s="5">
        <v>8.1056178326393979</v>
      </c>
      <c r="X43" s="5">
        <v>108.09857977539373</v>
      </c>
      <c r="Y43" s="5">
        <v>43.305342738047372</v>
      </c>
      <c r="Z43" s="5">
        <v>221.85695517604663</v>
      </c>
      <c r="AA43" s="5">
        <v>50.722473075784045</v>
      </c>
      <c r="AB43" s="5">
        <v>510.01716266902281</v>
      </c>
      <c r="AC43" s="5">
        <v>96.238835464170137</v>
      </c>
      <c r="AD43" s="6">
        <v>12849.61826323057</v>
      </c>
      <c r="AE43" s="5">
        <v>0.70789351442967219</v>
      </c>
      <c r="AF43" s="5">
        <v>78.457786054586535</v>
      </c>
      <c r="AG43" s="5">
        <v>276.13935650873452</v>
      </c>
      <c r="AH43" s="5">
        <v>305.46966179858026</v>
      </c>
    </row>
    <row r="44" spans="1:34" x14ac:dyDescent="0.25">
      <c r="A44" s="4" t="s">
        <v>177</v>
      </c>
      <c r="B44" s="4" t="s">
        <v>178</v>
      </c>
      <c r="C44" s="4">
        <v>22</v>
      </c>
      <c r="D44" s="4" t="s">
        <v>1081</v>
      </c>
      <c r="E44" s="5">
        <v>1.4822232774172228</v>
      </c>
      <c r="F44" s="6">
        <v>184919.37210251691</v>
      </c>
      <c r="G44" s="5">
        <v>472.63566276542247</v>
      </c>
      <c r="H44" s="5">
        <v>26.445662127650284</v>
      </c>
      <c r="I44" s="5">
        <v>289.56584535592833</v>
      </c>
      <c r="J44" s="5">
        <v>6.423666839256609</v>
      </c>
      <c r="K44" s="5">
        <v>54.913468476362482</v>
      </c>
      <c r="L44" s="5">
        <v>0.54059412072580137</v>
      </c>
      <c r="M44" s="6">
        <v>2892.0094399549821</v>
      </c>
      <c r="N44" s="5">
        <v>1.6155429333724183</v>
      </c>
      <c r="O44" s="5" t="s">
        <v>179</v>
      </c>
      <c r="P44" s="5">
        <v>0.17895594286729793</v>
      </c>
      <c r="Q44" s="5">
        <v>37.238968642048853</v>
      </c>
      <c r="R44" s="5">
        <v>0.56446962163035819</v>
      </c>
      <c r="S44" s="5">
        <v>8.4833768463696302</v>
      </c>
      <c r="T44" s="5">
        <v>14.139707999078398</v>
      </c>
      <c r="U44" s="5">
        <v>3.150549061973984</v>
      </c>
      <c r="V44" s="5">
        <v>66.472165153041246</v>
      </c>
      <c r="W44" s="5">
        <v>21.28707819106279</v>
      </c>
      <c r="X44" s="5">
        <v>270.65855659470077</v>
      </c>
      <c r="Y44" s="5">
        <v>105.59623383110655</v>
      </c>
      <c r="Z44" s="5">
        <v>535.85248094602491</v>
      </c>
      <c r="AA44" s="5">
        <v>118.98708213512073</v>
      </c>
      <c r="AB44" s="5">
        <v>1172.8334135488305</v>
      </c>
      <c r="AC44" s="5">
        <v>226.81270106718677</v>
      </c>
      <c r="AD44" s="6">
        <v>12974.302646254788</v>
      </c>
      <c r="AE44" s="5">
        <v>0.67780585062030807</v>
      </c>
      <c r="AF44" s="5">
        <v>138.3129025302203</v>
      </c>
      <c r="AG44" s="5">
        <v>482.89770214831373</v>
      </c>
      <c r="AH44" s="5">
        <v>480.34522664650018</v>
      </c>
    </row>
    <row r="45" spans="1:34" x14ac:dyDescent="0.25">
      <c r="A45" s="4" t="s">
        <v>183</v>
      </c>
      <c r="B45" s="4" t="s">
        <v>184</v>
      </c>
      <c r="C45" s="4">
        <v>23</v>
      </c>
      <c r="D45" s="4" t="s">
        <v>1081</v>
      </c>
      <c r="E45" s="5" t="s">
        <v>185</v>
      </c>
      <c r="F45" s="6">
        <v>190354.86192055466</v>
      </c>
      <c r="G45" s="5">
        <v>420.7571084353371</v>
      </c>
      <c r="H45" s="5" t="s">
        <v>186</v>
      </c>
      <c r="I45" s="5">
        <v>317.22487152351141</v>
      </c>
      <c r="J45" s="5">
        <v>12.787778850835963</v>
      </c>
      <c r="K45" s="5" t="s">
        <v>187</v>
      </c>
      <c r="L45" s="5">
        <v>0.30658207201256199</v>
      </c>
      <c r="M45" s="6">
        <v>1987.0617562676648</v>
      </c>
      <c r="N45" s="5">
        <v>0.89639484977184325</v>
      </c>
      <c r="O45" s="5" t="s">
        <v>188</v>
      </c>
      <c r="P45" s="5">
        <v>1.2600483908866384E-2</v>
      </c>
      <c r="Q45" s="5">
        <v>20.130543841266604</v>
      </c>
      <c r="R45" s="5">
        <v>0.33345753153465818</v>
      </c>
      <c r="S45" s="5">
        <v>6.6688815993964541</v>
      </c>
      <c r="T45" s="5">
        <v>12.427544613745333</v>
      </c>
      <c r="U45" s="5">
        <v>2.988226652110094</v>
      </c>
      <c r="V45" s="5">
        <v>60.272317235215816</v>
      </c>
      <c r="W45" s="5">
        <v>18.267762959801008</v>
      </c>
      <c r="X45" s="5">
        <v>217.79735539344642</v>
      </c>
      <c r="Y45" s="5">
        <v>80.158349934816016</v>
      </c>
      <c r="Z45" s="5">
        <v>376.82154502108926</v>
      </c>
      <c r="AA45" s="5">
        <v>78.226372114186177</v>
      </c>
      <c r="AB45" s="5">
        <v>706.66376160966854</v>
      </c>
      <c r="AC45" s="5">
        <v>135.66629254737509</v>
      </c>
      <c r="AD45" s="6">
        <v>11668.022238389214</v>
      </c>
      <c r="AE45" s="5">
        <v>0.35180860764936434</v>
      </c>
      <c r="AF45" s="5">
        <v>39.980332189005267</v>
      </c>
      <c r="AG45" s="5">
        <v>145.17156812505925</v>
      </c>
      <c r="AH45" s="5">
        <v>144.13676747242363</v>
      </c>
    </row>
    <row r="46" spans="1:34" x14ac:dyDescent="0.25">
      <c r="A46" s="4" t="s">
        <v>189</v>
      </c>
      <c r="B46" s="4" t="s">
        <v>190</v>
      </c>
      <c r="C46" s="4">
        <v>24</v>
      </c>
      <c r="D46" s="4" t="s">
        <v>1081</v>
      </c>
      <c r="E46" s="5" t="s">
        <v>191</v>
      </c>
      <c r="F46" s="6">
        <v>180242.91213027234</v>
      </c>
      <c r="G46" s="5">
        <v>401.16078610056201</v>
      </c>
      <c r="H46" s="5" t="s">
        <v>192</v>
      </c>
      <c r="I46" s="5">
        <v>321.68872920930431</v>
      </c>
      <c r="J46" s="5">
        <v>8.9441279744315505</v>
      </c>
      <c r="K46" s="5" t="s">
        <v>193</v>
      </c>
      <c r="L46" s="5">
        <v>0.23482485896575722</v>
      </c>
      <c r="M46" s="6">
        <v>979.71249805375805</v>
      </c>
      <c r="N46" s="5">
        <v>1.2674981560733087</v>
      </c>
      <c r="O46" s="5" t="s">
        <v>194</v>
      </c>
      <c r="P46" s="5">
        <v>7.2164130723718564E-3</v>
      </c>
      <c r="Q46" s="5">
        <v>19.034982057041745</v>
      </c>
      <c r="R46" s="5">
        <v>7.2485275530054488E-2</v>
      </c>
      <c r="S46" s="5">
        <v>1.4345872323275282</v>
      </c>
      <c r="T46" s="5">
        <v>2.9832406764840083</v>
      </c>
      <c r="U46" s="5">
        <v>0.99610685706741287</v>
      </c>
      <c r="V46" s="5">
        <v>20.595995793033811</v>
      </c>
      <c r="W46" s="5">
        <v>7.1717779570165057</v>
      </c>
      <c r="X46" s="5">
        <v>95.427350552926086</v>
      </c>
      <c r="Y46" s="5">
        <v>38.118068171600342</v>
      </c>
      <c r="Z46" s="5">
        <v>196.71954103899591</v>
      </c>
      <c r="AA46" s="5">
        <v>44.668974737722408</v>
      </c>
      <c r="AB46" s="5">
        <v>453.59040124152762</v>
      </c>
      <c r="AC46" s="5">
        <v>88.173669318700846</v>
      </c>
      <c r="AD46" s="6">
        <v>12633.302505249301</v>
      </c>
      <c r="AE46" s="5">
        <v>0.62096745578169521</v>
      </c>
      <c r="AF46" s="5">
        <v>27.922603603973357</v>
      </c>
      <c r="AG46" s="5">
        <v>97.075672650846499</v>
      </c>
      <c r="AH46" s="5">
        <v>164.4046637259201</v>
      </c>
    </row>
    <row r="47" spans="1:34" x14ac:dyDescent="0.25">
      <c r="A47" s="4" t="s">
        <v>195</v>
      </c>
      <c r="B47" s="4" t="s">
        <v>196</v>
      </c>
      <c r="C47" s="4">
        <v>24</v>
      </c>
      <c r="D47" s="4" t="s">
        <v>1081</v>
      </c>
      <c r="E47" s="5" t="s">
        <v>197</v>
      </c>
      <c r="F47" s="6">
        <v>189392.12139249459</v>
      </c>
      <c r="G47" s="5">
        <v>449.72451930134326</v>
      </c>
      <c r="H47" s="5">
        <v>28.090826592816455</v>
      </c>
      <c r="I47" s="5">
        <v>316.73324640996077</v>
      </c>
      <c r="J47" s="5">
        <v>10.593831102856468</v>
      </c>
      <c r="K47" s="5" t="s">
        <v>198</v>
      </c>
      <c r="L47" s="5">
        <v>0.19133801318246255</v>
      </c>
      <c r="M47" s="6">
        <v>950.10219950841974</v>
      </c>
      <c r="N47" s="5">
        <v>1.1349444387783796</v>
      </c>
      <c r="O47" s="5" t="s">
        <v>199</v>
      </c>
      <c r="P47" s="5">
        <v>4.5148771252058323E-3</v>
      </c>
      <c r="Q47" s="5">
        <v>20.49103488236419</v>
      </c>
      <c r="R47" s="5">
        <v>8.0202997857947253E-2</v>
      </c>
      <c r="S47" s="5">
        <v>1.786994761731963</v>
      </c>
      <c r="T47" s="5">
        <v>4.4687468434149933</v>
      </c>
      <c r="U47" s="5">
        <v>1.0819565162614568</v>
      </c>
      <c r="V47" s="5">
        <v>22.827191061034682</v>
      </c>
      <c r="W47" s="5">
        <v>7.3542081708824716</v>
      </c>
      <c r="X47" s="5">
        <v>94.027415475945361</v>
      </c>
      <c r="Y47" s="5">
        <v>36.743918063711241</v>
      </c>
      <c r="Z47" s="5">
        <v>188.86945147566689</v>
      </c>
      <c r="AA47" s="5">
        <v>42.351710339700553</v>
      </c>
      <c r="AB47" s="5">
        <v>411.81805420359211</v>
      </c>
      <c r="AC47" s="5">
        <v>79.422621206619013</v>
      </c>
      <c r="AD47" s="6">
        <v>12219.967593801928</v>
      </c>
      <c r="AE47" s="5">
        <v>0.52934184855858257</v>
      </c>
      <c r="AF47" s="5">
        <v>32.084022853228795</v>
      </c>
      <c r="AG47" s="5">
        <v>111.81743423842407</v>
      </c>
      <c r="AH47" s="5">
        <v>170.53463611729697</v>
      </c>
    </row>
    <row r="48" spans="1:34" s="2" customFormat="1" x14ac:dyDescent="0.25">
      <c r="A48" s="4" t="s">
        <v>200</v>
      </c>
      <c r="B48" s="4" t="s">
        <v>201</v>
      </c>
      <c r="C48" s="4">
        <v>25</v>
      </c>
      <c r="D48" s="4" t="s">
        <v>1081</v>
      </c>
      <c r="E48" s="5" t="s">
        <v>202</v>
      </c>
      <c r="F48" s="6">
        <v>164867.43976822874</v>
      </c>
      <c r="G48" s="5">
        <v>287.9033599201893</v>
      </c>
      <c r="H48" s="5" t="s">
        <v>203</v>
      </c>
      <c r="I48" s="5">
        <v>295.57324910688777</v>
      </c>
      <c r="J48" s="5">
        <v>11.421068893769798</v>
      </c>
      <c r="K48" s="5">
        <v>10.17167071149904</v>
      </c>
      <c r="L48" s="5">
        <v>0.15349982380353597</v>
      </c>
      <c r="M48" s="6">
        <v>685.30683857499957</v>
      </c>
      <c r="N48" s="5">
        <v>0.78167938773072276</v>
      </c>
      <c r="O48" s="5" t="s">
        <v>204</v>
      </c>
      <c r="P48" s="5">
        <v>6.3151195729733225E-3</v>
      </c>
      <c r="Q48" s="5">
        <v>16.247915790478849</v>
      </c>
      <c r="R48" s="5">
        <v>5.4155532391892289E-2</v>
      </c>
      <c r="S48" s="5">
        <v>1.1911514308411069</v>
      </c>
      <c r="T48" s="5">
        <v>3.0193495324362507</v>
      </c>
      <c r="U48" s="5">
        <v>0.67081515334430819</v>
      </c>
      <c r="V48" s="5">
        <v>15.51074256672111</v>
      </c>
      <c r="W48" s="5">
        <v>5.245470406706124</v>
      </c>
      <c r="X48" s="5">
        <v>65.858207666012206</v>
      </c>
      <c r="Y48" s="5">
        <v>25.662675753940739</v>
      </c>
      <c r="Z48" s="5">
        <v>130.69706482160041</v>
      </c>
      <c r="AA48" s="5">
        <v>29.989686064110028</v>
      </c>
      <c r="AB48" s="5">
        <v>299.16274876500131</v>
      </c>
      <c r="AC48" s="5">
        <v>54.40564059566664</v>
      </c>
      <c r="AD48" s="6">
        <v>11399.852490106365</v>
      </c>
      <c r="AE48" s="5">
        <v>0.3563948677425044</v>
      </c>
      <c r="AF48" s="5">
        <v>16.120163053922958</v>
      </c>
      <c r="AG48" s="5">
        <v>60.6121727139992</v>
      </c>
      <c r="AH48" s="5">
        <v>101.76081196107341</v>
      </c>
    </row>
    <row r="49" spans="1:34" s="2" customFormat="1" x14ac:dyDescent="0.25">
      <c r="A49" s="4" t="s">
        <v>205</v>
      </c>
      <c r="B49" s="4" t="s">
        <v>206</v>
      </c>
      <c r="C49" s="4">
        <v>25</v>
      </c>
      <c r="D49" s="4" t="s">
        <v>1081</v>
      </c>
      <c r="E49" s="5">
        <v>0.64124595288166508</v>
      </c>
      <c r="F49" s="6">
        <v>170729.71784758638</v>
      </c>
      <c r="G49" s="5">
        <v>488.97021344277522</v>
      </c>
      <c r="H49" s="5">
        <v>27.984828327318866</v>
      </c>
      <c r="I49" s="5">
        <v>317.66227836385815</v>
      </c>
      <c r="J49" s="5">
        <v>14.160854854277643</v>
      </c>
      <c r="K49" s="5">
        <v>21.73410859302837</v>
      </c>
      <c r="L49" s="5">
        <v>0.4533343052099304</v>
      </c>
      <c r="M49" s="6">
        <v>3166.0044452910056</v>
      </c>
      <c r="N49" s="5">
        <v>1.6447432712267787</v>
      </c>
      <c r="O49" s="5" t="s">
        <v>207</v>
      </c>
      <c r="P49" s="5">
        <v>5.5663572805486013E-2</v>
      </c>
      <c r="Q49" s="5">
        <v>30.44939551662851</v>
      </c>
      <c r="R49" s="5">
        <v>0.64593170270613087</v>
      </c>
      <c r="S49" s="5">
        <v>10.727428653639961</v>
      </c>
      <c r="T49" s="5">
        <v>18.431700286620899</v>
      </c>
      <c r="U49" s="5">
        <v>4.3135984886862513</v>
      </c>
      <c r="V49" s="5">
        <v>92.593265327944067</v>
      </c>
      <c r="W49" s="5">
        <v>28.090951381923293</v>
      </c>
      <c r="X49" s="5">
        <v>341.75467103932044</v>
      </c>
      <c r="Y49" s="5">
        <v>124.21291561448504</v>
      </c>
      <c r="Z49" s="5">
        <v>587.13662309638869</v>
      </c>
      <c r="AA49" s="5">
        <v>121.00052609553775</v>
      </c>
      <c r="AB49" s="5">
        <v>1126.3357093154982</v>
      </c>
      <c r="AC49" s="5">
        <v>198.7556988148574</v>
      </c>
      <c r="AD49" s="6">
        <v>10928.824464059255</v>
      </c>
      <c r="AE49" s="5">
        <v>0.61064933374146768</v>
      </c>
      <c r="AF49" s="5">
        <v>81.681236892557592</v>
      </c>
      <c r="AG49" s="5">
        <v>306.06385939275572</v>
      </c>
      <c r="AH49" s="5">
        <v>281.8388339437501</v>
      </c>
    </row>
    <row r="50" spans="1:34" s="2" customFormat="1" x14ac:dyDescent="0.25">
      <c r="A50" s="4" t="s">
        <v>208</v>
      </c>
      <c r="B50" s="4" t="s">
        <v>209</v>
      </c>
      <c r="C50" s="4">
        <v>26</v>
      </c>
      <c r="D50" s="4" t="s">
        <v>1081</v>
      </c>
      <c r="E50" s="5" t="s">
        <v>210</v>
      </c>
      <c r="F50" s="6">
        <v>166770.27733730702</v>
      </c>
      <c r="G50" s="5">
        <v>416.63887961710867</v>
      </c>
      <c r="H50" s="5" t="s">
        <v>211</v>
      </c>
      <c r="I50" s="5">
        <v>308.23611793325176</v>
      </c>
      <c r="J50" s="5">
        <v>11.64730362103475</v>
      </c>
      <c r="K50" s="5">
        <v>23.230207809282593</v>
      </c>
      <c r="L50" s="5">
        <v>0.41322514045923026</v>
      </c>
      <c r="M50" s="6">
        <v>2691.1971788494438</v>
      </c>
      <c r="N50" s="5">
        <v>1.1684715904677403</v>
      </c>
      <c r="O50" s="5" t="s">
        <v>212</v>
      </c>
      <c r="P50" s="5">
        <v>3.9971060771881589E-2</v>
      </c>
      <c r="Q50" s="5">
        <v>26.491527507766104</v>
      </c>
      <c r="R50" s="5">
        <v>0.61133411047053321</v>
      </c>
      <c r="S50" s="5">
        <v>9.5038292752934304</v>
      </c>
      <c r="T50" s="5">
        <v>16.540169171213599</v>
      </c>
      <c r="U50" s="5">
        <v>3.3827098304959509</v>
      </c>
      <c r="V50" s="5">
        <v>70.721552475737028</v>
      </c>
      <c r="W50" s="5">
        <v>22.567342820423452</v>
      </c>
      <c r="X50" s="5">
        <v>280.14774003465914</v>
      </c>
      <c r="Y50" s="5">
        <v>104.89928818229009</v>
      </c>
      <c r="Z50" s="5">
        <v>488.6745958939232</v>
      </c>
      <c r="AA50" s="5">
        <v>101.69816876262574</v>
      </c>
      <c r="AB50" s="5">
        <v>962.39348950822762</v>
      </c>
      <c r="AC50" s="5">
        <v>169.70262930122072</v>
      </c>
      <c r="AD50" s="6">
        <v>10950.816199276907</v>
      </c>
      <c r="AE50" s="5">
        <v>0.54341552342299659</v>
      </c>
      <c r="AF50" s="5">
        <v>63.865673002098866</v>
      </c>
      <c r="AG50" s="5">
        <v>242.96441124713877</v>
      </c>
      <c r="AH50" s="5">
        <v>243.96876133685527</v>
      </c>
    </row>
    <row r="51" spans="1:34" x14ac:dyDescent="0.25">
      <c r="A51" s="4" t="s">
        <v>37</v>
      </c>
      <c r="B51" s="4" t="s">
        <v>38</v>
      </c>
      <c r="C51" s="4">
        <v>2</v>
      </c>
      <c r="D51" s="4" t="s">
        <v>1081</v>
      </c>
      <c r="E51" s="5" t="s">
        <v>39</v>
      </c>
      <c r="F51" s="6">
        <v>176568.37867228434</v>
      </c>
      <c r="G51" s="5">
        <v>541.02094812212579</v>
      </c>
      <c r="H51" s="5">
        <v>23.669357986330759</v>
      </c>
      <c r="I51" s="5">
        <v>300.2486477076319</v>
      </c>
      <c r="J51" s="5">
        <v>8.046843178208622</v>
      </c>
      <c r="K51" s="5">
        <v>32.723519400218031</v>
      </c>
      <c r="L51" s="5">
        <v>0.50791721847091631</v>
      </c>
      <c r="M51" s="6">
        <v>3462.8816769847313</v>
      </c>
      <c r="N51" s="5">
        <v>1.9669928195695914</v>
      </c>
      <c r="O51" s="5">
        <v>0.20136780306274343</v>
      </c>
      <c r="P51" s="5">
        <v>2.8069712485846488E-2</v>
      </c>
      <c r="Q51" s="5">
        <v>35.280950980196813</v>
      </c>
      <c r="R51" s="5">
        <v>0.52141663231678226</v>
      </c>
      <c r="S51" s="5">
        <v>8.9131502256173611</v>
      </c>
      <c r="T51" s="5">
        <v>14.558511383501628</v>
      </c>
      <c r="U51" s="5">
        <v>3.3885690609523484</v>
      </c>
      <c r="V51" s="5">
        <v>78.560025774130153</v>
      </c>
      <c r="W51" s="5">
        <v>26.272612800055015</v>
      </c>
      <c r="X51" s="5">
        <v>339.7967224809683</v>
      </c>
      <c r="Y51" s="5">
        <v>131.3141378572725</v>
      </c>
      <c r="Z51" s="5">
        <v>650.48370351772826</v>
      </c>
      <c r="AA51" s="5">
        <v>138.24895115100941</v>
      </c>
      <c r="AB51" s="5">
        <v>1295.0442617679455</v>
      </c>
      <c r="AC51" s="5">
        <v>250.10268771409167</v>
      </c>
      <c r="AD51" s="6">
        <v>12265.569229078657</v>
      </c>
      <c r="AE51" s="5">
        <v>0.79354187353886019</v>
      </c>
      <c r="AF51" s="5">
        <v>129.51459029160873</v>
      </c>
      <c r="AG51" s="5">
        <v>484.11187945467674</v>
      </c>
      <c r="AH51" s="5">
        <v>457.9224060590505</v>
      </c>
    </row>
    <row r="52" spans="1:34" x14ac:dyDescent="0.25">
      <c r="A52" s="4" t="s">
        <v>229</v>
      </c>
      <c r="B52" s="4" t="s">
        <v>230</v>
      </c>
      <c r="C52" s="4">
        <v>30</v>
      </c>
      <c r="D52" s="4" t="s">
        <v>1081</v>
      </c>
      <c r="E52" s="5" t="s">
        <v>231</v>
      </c>
      <c r="F52" s="6">
        <v>167952.71576303852</v>
      </c>
      <c r="G52" s="5">
        <v>336.65232165018551</v>
      </c>
      <c r="H52" s="5" t="s">
        <v>232</v>
      </c>
      <c r="I52" s="5">
        <v>302.53607142066835</v>
      </c>
      <c r="J52" s="5">
        <v>9.2355002839182152</v>
      </c>
      <c r="K52" s="5">
        <v>10.403725524909342</v>
      </c>
      <c r="L52" s="5">
        <v>0.28684087495964339</v>
      </c>
      <c r="M52" s="6">
        <v>1996.0300222818346</v>
      </c>
      <c r="N52" s="5">
        <v>0.79993237618456725</v>
      </c>
      <c r="O52" s="5" t="s">
        <v>233</v>
      </c>
      <c r="P52" s="5">
        <v>2.1028046906651669E-2</v>
      </c>
      <c r="Q52" s="5">
        <v>20.893238510843773</v>
      </c>
      <c r="R52" s="5">
        <v>0.3090267975966321</v>
      </c>
      <c r="S52" s="5">
        <v>5.3856219616457723</v>
      </c>
      <c r="T52" s="5">
        <v>11.019039570788555</v>
      </c>
      <c r="U52" s="5">
        <v>2.4208689197810132</v>
      </c>
      <c r="V52" s="5">
        <v>53.375764534200989</v>
      </c>
      <c r="W52" s="5">
        <v>16.55426899921526</v>
      </c>
      <c r="X52" s="5">
        <v>199.83330129818106</v>
      </c>
      <c r="Y52" s="5">
        <v>74.737818459538644</v>
      </c>
      <c r="Z52" s="5">
        <v>359.37486918605174</v>
      </c>
      <c r="AA52" s="5">
        <v>73.792647835650129</v>
      </c>
      <c r="AB52" s="5">
        <v>677.57631429899823</v>
      </c>
      <c r="AC52" s="5">
        <v>128.11379324601489</v>
      </c>
      <c r="AD52" s="6">
        <v>11430.536433908468</v>
      </c>
      <c r="AE52" s="5">
        <v>0.34530095146862355</v>
      </c>
      <c r="AF52" s="5">
        <v>40.759820929603933</v>
      </c>
      <c r="AG52" s="5">
        <v>158.99714416043159</v>
      </c>
      <c r="AH52" s="5">
        <v>164.67250068444594</v>
      </c>
    </row>
    <row r="53" spans="1:34" x14ac:dyDescent="0.25">
      <c r="A53" s="4" t="s">
        <v>525</v>
      </c>
      <c r="B53" s="4" t="s">
        <v>526</v>
      </c>
      <c r="C53" s="4">
        <v>31</v>
      </c>
      <c r="D53" s="4" t="s">
        <v>1081</v>
      </c>
      <c r="E53" s="5">
        <v>12.005719553922937</v>
      </c>
      <c r="F53" s="6">
        <v>194786.30092400155</v>
      </c>
      <c r="G53" s="5">
        <v>491.1600913009745</v>
      </c>
      <c r="H53" s="5">
        <v>62.754077021283869</v>
      </c>
      <c r="I53" s="5">
        <v>322.97707909934223</v>
      </c>
      <c r="J53" s="5">
        <v>9.4966031346147091</v>
      </c>
      <c r="K53" s="5">
        <v>79.336494260847871</v>
      </c>
      <c r="L53" s="5">
        <v>0.43585523641319929</v>
      </c>
      <c r="M53" s="6">
        <v>2722.8643696198806</v>
      </c>
      <c r="N53" s="5">
        <v>1.3840569375490477</v>
      </c>
      <c r="O53" s="5">
        <v>0.20803528338696067</v>
      </c>
      <c r="P53" s="5">
        <v>3.469745574775536E-2</v>
      </c>
      <c r="Q53" s="5">
        <v>29.277294777984153</v>
      </c>
      <c r="R53" s="5">
        <v>0.53657035708524314</v>
      </c>
      <c r="S53" s="5">
        <v>8.6931307266243412</v>
      </c>
      <c r="T53" s="5">
        <v>14.849891162534917</v>
      </c>
      <c r="U53" s="5">
        <v>3.2703117760527975</v>
      </c>
      <c r="V53" s="5">
        <v>67.485758253216147</v>
      </c>
      <c r="W53" s="5">
        <v>21.550233885116697</v>
      </c>
      <c r="X53" s="5">
        <v>277.84751859155341</v>
      </c>
      <c r="Y53" s="5">
        <v>106.93074534524555</v>
      </c>
      <c r="Z53" s="5">
        <v>528.27314259801369</v>
      </c>
      <c r="AA53" s="5">
        <v>114.78026655942416</v>
      </c>
      <c r="AB53" s="5">
        <v>1096.8680482795132</v>
      </c>
      <c r="AC53" s="5">
        <v>194.77340368704228</v>
      </c>
      <c r="AD53" s="6">
        <v>11902.771714341452</v>
      </c>
      <c r="AE53" s="5">
        <v>0.5870353850475768</v>
      </c>
      <c r="AF53" s="5">
        <v>95.237909581343047</v>
      </c>
      <c r="AG53" s="5">
        <v>324.56034595334819</v>
      </c>
      <c r="AH53" s="5">
        <v>344.10043369880918</v>
      </c>
    </row>
    <row r="54" spans="1:34" x14ac:dyDescent="0.25">
      <c r="A54" s="4" t="s">
        <v>527</v>
      </c>
      <c r="B54" s="4" t="s">
        <v>528</v>
      </c>
      <c r="C54" s="4">
        <v>31</v>
      </c>
      <c r="D54" s="4" t="s">
        <v>1081</v>
      </c>
      <c r="E54" s="5">
        <v>0.78816130076965429</v>
      </c>
      <c r="F54" s="6">
        <v>204206.55677256995</v>
      </c>
      <c r="G54" s="5">
        <v>639.67314350205413</v>
      </c>
      <c r="H54" s="5">
        <v>64.097188129347828</v>
      </c>
      <c r="I54" s="5">
        <v>344.17699362196009</v>
      </c>
      <c r="J54" s="5">
        <v>12.511922461140315</v>
      </c>
      <c r="K54" s="5">
        <v>37.756378151091546</v>
      </c>
      <c r="L54" s="5">
        <v>0.36429285108426501</v>
      </c>
      <c r="M54" s="6">
        <v>2342.8199499477842</v>
      </c>
      <c r="N54" s="5">
        <v>1.6430724899379674</v>
      </c>
      <c r="O54" s="5" t="s">
        <v>529</v>
      </c>
      <c r="P54" s="5">
        <v>0.13669227505992801</v>
      </c>
      <c r="Q54" s="5">
        <v>31.631205980350281</v>
      </c>
      <c r="R54" s="5">
        <v>0.55547186505900958</v>
      </c>
      <c r="S54" s="5">
        <v>7.972142077025735</v>
      </c>
      <c r="T54" s="5">
        <v>12.145091483519037</v>
      </c>
      <c r="U54" s="5">
        <v>2.9634006676038243</v>
      </c>
      <c r="V54" s="5">
        <v>58.478983139617547</v>
      </c>
      <c r="W54" s="5">
        <v>18.883109462715865</v>
      </c>
      <c r="X54" s="5">
        <v>240.68136105959104</v>
      </c>
      <c r="Y54" s="5">
        <v>92.277385260582989</v>
      </c>
      <c r="Z54" s="5">
        <v>454.58281808267941</v>
      </c>
      <c r="AA54" s="5">
        <v>98.370161949075381</v>
      </c>
      <c r="AB54" s="5">
        <v>922.8767932903155</v>
      </c>
      <c r="AC54" s="5">
        <v>170.84567146299867</v>
      </c>
      <c r="AD54" s="6">
        <v>11886.084875469332</v>
      </c>
      <c r="AE54" s="5">
        <v>0.71307714764491437</v>
      </c>
      <c r="AF54" s="5">
        <v>100.14541063838085</v>
      </c>
      <c r="AG54" s="5">
        <v>333.04329773211037</v>
      </c>
      <c r="AH54" s="5">
        <v>329.84339222261752</v>
      </c>
    </row>
    <row r="55" spans="1:34" x14ac:dyDescent="0.25">
      <c r="A55" s="4" t="s">
        <v>536</v>
      </c>
      <c r="B55" s="4" t="s">
        <v>537</v>
      </c>
      <c r="C55" s="4">
        <v>35</v>
      </c>
      <c r="D55" s="4" t="s">
        <v>1081</v>
      </c>
      <c r="E55" s="5" t="s">
        <v>538</v>
      </c>
      <c r="F55" s="6">
        <v>201599.01047591685</v>
      </c>
      <c r="G55" s="5">
        <v>374.90568871215669</v>
      </c>
      <c r="H55" s="5">
        <v>62.804032315032828</v>
      </c>
      <c r="I55" s="5">
        <v>309.84573766589784</v>
      </c>
      <c r="J55" s="5">
        <v>9.637028205391772</v>
      </c>
      <c r="K55" s="5">
        <v>11.942020068587084</v>
      </c>
      <c r="L55" s="5">
        <v>0.16802263295321634</v>
      </c>
      <c r="M55" s="6">
        <v>759.64372066113117</v>
      </c>
      <c r="N55" s="5">
        <v>0.91627212255145241</v>
      </c>
      <c r="O55" s="5" t="s">
        <v>539</v>
      </c>
      <c r="P55" s="5"/>
      <c r="Q55" s="5">
        <v>18.609887558380926</v>
      </c>
      <c r="R55" s="5">
        <v>6.517798814085568E-2</v>
      </c>
      <c r="S55" s="5">
        <v>1.1981415832802127</v>
      </c>
      <c r="T55" s="5">
        <v>3.0188937334461632</v>
      </c>
      <c r="U55" s="5">
        <v>0.75661819719712997</v>
      </c>
      <c r="V55" s="5">
        <v>16.284314244214585</v>
      </c>
      <c r="W55" s="5">
        <v>5.7935309020309607</v>
      </c>
      <c r="X55" s="5">
        <v>76.840843972169822</v>
      </c>
      <c r="Y55" s="5">
        <v>29.358004128165881</v>
      </c>
      <c r="Z55" s="5">
        <v>152.46182496167373</v>
      </c>
      <c r="AA55" s="5">
        <v>34.15253147612556</v>
      </c>
      <c r="AB55" s="5">
        <v>337.54395460815249</v>
      </c>
      <c r="AC55" s="5">
        <v>64.332667462019785</v>
      </c>
      <c r="AD55" s="6">
        <v>12886.85350313356</v>
      </c>
      <c r="AE55" s="5">
        <v>0.41987730176755905</v>
      </c>
      <c r="AF55" s="5">
        <v>25.723364329098388</v>
      </c>
      <c r="AG55" s="5">
        <v>85.946443225723272</v>
      </c>
      <c r="AH55" s="5">
        <v>141.33027186726343</v>
      </c>
    </row>
    <row r="56" spans="1:34" s="2" customFormat="1" x14ac:dyDescent="0.25">
      <c r="A56" s="4" t="s">
        <v>545</v>
      </c>
      <c r="B56" s="4" t="s">
        <v>546</v>
      </c>
      <c r="C56" s="4">
        <v>37</v>
      </c>
      <c r="D56" s="4" t="s">
        <v>1081</v>
      </c>
      <c r="E56" s="5" t="s">
        <v>547</v>
      </c>
      <c r="F56" s="6">
        <v>191004.62644088958</v>
      </c>
      <c r="G56" s="5">
        <v>461.11686006716747</v>
      </c>
      <c r="H56" s="5">
        <v>52.961270115841621</v>
      </c>
      <c r="I56" s="5">
        <v>344.08808310679245</v>
      </c>
      <c r="J56" s="5">
        <v>12.490021126834876</v>
      </c>
      <c r="K56" s="5">
        <v>17.069512940412899</v>
      </c>
      <c r="L56" s="5">
        <v>0.22227334567142418</v>
      </c>
      <c r="M56" s="6">
        <v>1071.2160810824664</v>
      </c>
      <c r="N56" s="5">
        <v>1.4265907600626084</v>
      </c>
      <c r="O56" s="5" t="s">
        <v>548</v>
      </c>
      <c r="P56" s="5">
        <v>4.7501060909346231E-3</v>
      </c>
      <c r="Q56" s="5">
        <v>20.454104490584136</v>
      </c>
      <c r="R56" s="5">
        <v>0.10165807130219605</v>
      </c>
      <c r="S56" s="5">
        <v>2.0103191182970241</v>
      </c>
      <c r="T56" s="5">
        <v>4.5674820190899306</v>
      </c>
      <c r="U56" s="5">
        <v>1.1170824953715985</v>
      </c>
      <c r="V56" s="5">
        <v>24.569914433379729</v>
      </c>
      <c r="W56" s="5">
        <v>8.2530498774851786</v>
      </c>
      <c r="X56" s="5">
        <v>107.24401784371128</v>
      </c>
      <c r="Y56" s="5">
        <v>41.397771278773206</v>
      </c>
      <c r="Z56" s="5">
        <v>213.01134184225998</v>
      </c>
      <c r="AA56" s="5">
        <v>48.147617572255534</v>
      </c>
      <c r="AB56" s="5">
        <v>475.2418129548127</v>
      </c>
      <c r="AC56" s="5">
        <v>90.219946220801674</v>
      </c>
      <c r="AD56" s="6">
        <v>11591.288048396313</v>
      </c>
      <c r="AE56" s="5">
        <v>0.5442337888629899</v>
      </c>
      <c r="AF56" s="5">
        <v>33.360755600760399</v>
      </c>
      <c r="AG56" s="5">
        <v>117.13316752794189</v>
      </c>
      <c r="AH56" s="5">
        <v>171.07307794516606</v>
      </c>
    </row>
    <row r="57" spans="1:34" s="2" customFormat="1" x14ac:dyDescent="0.25">
      <c r="A57" s="4" t="s">
        <v>320</v>
      </c>
      <c r="B57" s="4" t="s">
        <v>321</v>
      </c>
      <c r="C57" s="4">
        <v>39</v>
      </c>
      <c r="D57" s="4" t="s">
        <v>1081</v>
      </c>
      <c r="E57" s="5">
        <v>1.1484120182546325</v>
      </c>
      <c r="F57" s="6">
        <v>167988.56912448801</v>
      </c>
      <c r="G57" s="5">
        <v>286.7771151190604</v>
      </c>
      <c r="H57" s="5" t="s">
        <v>322</v>
      </c>
      <c r="I57" s="5">
        <v>310.38815228770477</v>
      </c>
      <c r="J57" s="5">
        <v>12.094395483390272</v>
      </c>
      <c r="K57" s="5">
        <v>5.944259781778384</v>
      </c>
      <c r="L57" s="5">
        <v>0.29429940631125645</v>
      </c>
      <c r="M57" s="6">
        <v>1913.1178484255713</v>
      </c>
      <c r="N57" s="5">
        <v>0.82812431508643214</v>
      </c>
      <c r="O57" s="5" t="s">
        <v>323</v>
      </c>
      <c r="P57" s="5">
        <v>1.4768821668424827E-2</v>
      </c>
      <c r="Q57" s="5">
        <v>20.513387764784998</v>
      </c>
      <c r="R57" s="5">
        <v>0.3074831956798742</v>
      </c>
      <c r="S57" s="5">
        <v>5.7113247329606045</v>
      </c>
      <c r="T57" s="5">
        <v>11.399141051998928</v>
      </c>
      <c r="U57" s="5">
        <v>2.7065335701186677</v>
      </c>
      <c r="V57" s="5">
        <v>53.153471369829681</v>
      </c>
      <c r="W57" s="5">
        <v>15.832826292556803</v>
      </c>
      <c r="X57" s="5">
        <v>180.86680085174643</v>
      </c>
      <c r="Y57" s="5">
        <v>65.235797408534097</v>
      </c>
      <c r="Z57" s="5">
        <v>305.45196482569315</v>
      </c>
      <c r="AA57" s="5">
        <v>62.903329326607853</v>
      </c>
      <c r="AB57" s="5">
        <v>582.43140640922809</v>
      </c>
      <c r="AC57" s="5">
        <v>106.36056159783567</v>
      </c>
      <c r="AD57" s="6">
        <v>9512.948541899048</v>
      </c>
      <c r="AE57" s="5">
        <v>0.30287008501392232</v>
      </c>
      <c r="AF57" s="5">
        <v>33.10704444325075</v>
      </c>
      <c r="AG57" s="5">
        <v>119.34991338640653</v>
      </c>
      <c r="AH57" s="5">
        <v>127.01662625032596</v>
      </c>
    </row>
    <row r="58" spans="1:34" s="2" customFormat="1" x14ac:dyDescent="0.25">
      <c r="A58" s="4" t="s">
        <v>44</v>
      </c>
      <c r="B58" s="4" t="s">
        <v>45</v>
      </c>
      <c r="C58" s="4">
        <v>3</v>
      </c>
      <c r="D58" s="4" t="s">
        <v>1081</v>
      </c>
      <c r="E58" s="5">
        <v>1.2840391508883002</v>
      </c>
      <c r="F58" s="6">
        <v>172693.24786494524</v>
      </c>
      <c r="G58" s="5">
        <v>354.89103249317787</v>
      </c>
      <c r="H58" s="5" t="s">
        <v>46</v>
      </c>
      <c r="I58" s="5">
        <v>303.20274004642613</v>
      </c>
      <c r="J58" s="5">
        <v>9.0807993013782564</v>
      </c>
      <c r="K58" s="5">
        <v>27.280291595967437</v>
      </c>
      <c r="L58" s="5">
        <v>0.3622213667783703</v>
      </c>
      <c r="M58" s="6">
        <v>2165.6149367170665</v>
      </c>
      <c r="N58" s="5">
        <v>0.84432968038607625</v>
      </c>
      <c r="O58" s="5" t="s">
        <v>47</v>
      </c>
      <c r="P58" s="5">
        <v>2.2607034536746371E-2</v>
      </c>
      <c r="Q58" s="5">
        <v>24.471647398676669</v>
      </c>
      <c r="R58" s="5">
        <v>0.35236828127014996</v>
      </c>
      <c r="S58" s="5">
        <v>6.6992624015134146</v>
      </c>
      <c r="T58" s="5">
        <v>12.609422684753651</v>
      </c>
      <c r="U58" s="5">
        <v>2.8341414527629567</v>
      </c>
      <c r="V58" s="5">
        <v>60.451739905612193</v>
      </c>
      <c r="W58" s="5">
        <v>18.724218227201987</v>
      </c>
      <c r="X58" s="5">
        <v>226.6498517814143</v>
      </c>
      <c r="Y58" s="5">
        <v>83.227805540544423</v>
      </c>
      <c r="Z58" s="5">
        <v>403.25928524214282</v>
      </c>
      <c r="AA58" s="5">
        <v>83.928638003681186</v>
      </c>
      <c r="AB58" s="5">
        <v>781.53161139947485</v>
      </c>
      <c r="AC58" s="5">
        <v>149.63610169753952</v>
      </c>
      <c r="AD58" s="6">
        <v>12066.145026799459</v>
      </c>
      <c r="AE58" s="5">
        <v>0.45018310382229415</v>
      </c>
      <c r="AF58" s="5">
        <v>56.045002407902892</v>
      </c>
      <c r="AG58" s="5">
        <v>207.44438056788925</v>
      </c>
      <c r="AH58" s="5">
        <v>215.33640907717847</v>
      </c>
    </row>
    <row r="59" spans="1:34" s="2" customFormat="1" x14ac:dyDescent="0.25">
      <c r="A59" s="4" t="s">
        <v>328</v>
      </c>
      <c r="B59" s="4" t="s">
        <v>329</v>
      </c>
      <c r="C59" s="4">
        <v>41</v>
      </c>
      <c r="D59" s="4" t="s">
        <v>1081</v>
      </c>
      <c r="E59" s="5" t="s">
        <v>330</v>
      </c>
      <c r="F59" s="6">
        <v>180527.75504859773</v>
      </c>
      <c r="G59" s="5">
        <v>555.5247851380575</v>
      </c>
      <c r="H59" s="5" t="s">
        <v>331</v>
      </c>
      <c r="I59" s="5">
        <v>314.33950217515564</v>
      </c>
      <c r="J59" s="5">
        <v>14.202792009290723</v>
      </c>
      <c r="K59" s="5">
        <v>26.176920851347237</v>
      </c>
      <c r="L59" s="5">
        <v>0.46398026473239795</v>
      </c>
      <c r="M59" s="6">
        <v>3851.5852355511715</v>
      </c>
      <c r="N59" s="5">
        <v>2.1508803360376967</v>
      </c>
      <c r="O59" s="5" t="s">
        <v>332</v>
      </c>
      <c r="P59" s="5">
        <v>6.8281387620296716E-2</v>
      </c>
      <c r="Q59" s="5">
        <v>30.829821862283389</v>
      </c>
      <c r="R59" s="5">
        <v>0.64579108902961002</v>
      </c>
      <c r="S59" s="5">
        <v>10.347312570309011</v>
      </c>
      <c r="T59" s="5">
        <v>17.090281311644379</v>
      </c>
      <c r="U59" s="5">
        <v>4.3599830956264283</v>
      </c>
      <c r="V59" s="5">
        <v>94.421366208963349</v>
      </c>
      <c r="W59" s="5">
        <v>29.29334584060436</v>
      </c>
      <c r="X59" s="5">
        <v>356.50117376701911</v>
      </c>
      <c r="Y59" s="5">
        <v>130.6219532272932</v>
      </c>
      <c r="Z59" s="5">
        <v>617.05782672776638</v>
      </c>
      <c r="AA59" s="5">
        <v>124.62355338209919</v>
      </c>
      <c r="AB59" s="5">
        <v>1111.9233207219124</v>
      </c>
      <c r="AC59" s="5">
        <v>217.06363995865686</v>
      </c>
      <c r="AD59" s="6">
        <v>9553.6744608448462</v>
      </c>
      <c r="AE59" s="5">
        <v>0.65565122000568954</v>
      </c>
      <c r="AF59" s="5">
        <v>85.698891982581699</v>
      </c>
      <c r="AG59" s="5">
        <v>309.39645559063183</v>
      </c>
      <c r="AH59" s="5">
        <v>255.77922475403909</v>
      </c>
    </row>
    <row r="60" spans="1:34" s="2" customFormat="1" x14ac:dyDescent="0.25">
      <c r="A60" s="4" t="s">
        <v>333</v>
      </c>
      <c r="B60" s="4" t="s">
        <v>334</v>
      </c>
      <c r="C60" s="4">
        <v>42</v>
      </c>
      <c r="D60" s="4" t="s">
        <v>1081</v>
      </c>
      <c r="E60" s="5" t="s">
        <v>335</v>
      </c>
      <c r="F60" s="6">
        <v>176324.62491091556</v>
      </c>
      <c r="G60" s="5">
        <v>540.75865415605563</v>
      </c>
      <c r="H60" s="5" t="s">
        <v>336</v>
      </c>
      <c r="I60" s="5">
        <v>331.5307504820446</v>
      </c>
      <c r="J60" s="5">
        <v>15.149837121655459</v>
      </c>
      <c r="K60" s="5">
        <v>28.834769517102536</v>
      </c>
      <c r="L60" s="5">
        <v>0.55372711934518237</v>
      </c>
      <c r="M60" s="6">
        <v>4029.2981425814487</v>
      </c>
      <c r="N60" s="5">
        <v>2.2477378766218172</v>
      </c>
      <c r="O60" s="5" t="s">
        <v>337</v>
      </c>
      <c r="P60" s="5">
        <v>6.9558255522849916E-2</v>
      </c>
      <c r="Q60" s="5">
        <v>32.304009369062875</v>
      </c>
      <c r="R60" s="5">
        <v>0.675523840002905</v>
      </c>
      <c r="S60" s="5">
        <v>10.096947901114774</v>
      </c>
      <c r="T60" s="5">
        <v>19.052702033230133</v>
      </c>
      <c r="U60" s="5">
        <v>4.8265370075606313</v>
      </c>
      <c r="V60" s="5">
        <v>107.16104189026034</v>
      </c>
      <c r="W60" s="5">
        <v>32.122696817478065</v>
      </c>
      <c r="X60" s="5">
        <v>387.23998650440222</v>
      </c>
      <c r="Y60" s="5">
        <v>137.96479598914405</v>
      </c>
      <c r="Z60" s="5">
        <v>637.15290352549891</v>
      </c>
      <c r="AA60" s="5">
        <v>129.30022423992463</v>
      </c>
      <c r="AB60" s="5">
        <v>1176.130700614468</v>
      </c>
      <c r="AC60" s="5">
        <v>215.45412861153238</v>
      </c>
      <c r="AD60" s="6">
        <v>8939.8188456421012</v>
      </c>
      <c r="AE60" s="5">
        <v>0.68775895382952201</v>
      </c>
      <c r="AF60" s="5">
        <v>88.557591722965427</v>
      </c>
      <c r="AG60" s="5">
        <v>320.24424939330584</v>
      </c>
      <c r="AH60" s="5">
        <v>267.14555633880354</v>
      </c>
    </row>
    <row r="61" spans="1:34" s="2" customFormat="1" x14ac:dyDescent="0.25">
      <c r="A61" s="4" t="s">
        <v>338</v>
      </c>
      <c r="B61" s="4" t="s">
        <v>339</v>
      </c>
      <c r="C61" s="4">
        <v>43</v>
      </c>
      <c r="D61" s="4" t="s">
        <v>1081</v>
      </c>
      <c r="E61" s="5" t="s">
        <v>340</v>
      </c>
      <c r="F61" s="6">
        <v>179661.45076888212</v>
      </c>
      <c r="G61" s="5">
        <v>354.37084884495783</v>
      </c>
      <c r="H61" s="5" t="s">
        <v>341</v>
      </c>
      <c r="I61" s="5">
        <v>309.6808707469358</v>
      </c>
      <c r="J61" s="5">
        <v>12.243058611805425</v>
      </c>
      <c r="K61" s="5">
        <v>11.73416776374707</v>
      </c>
      <c r="L61" s="5">
        <v>0.34707046532388969</v>
      </c>
      <c r="M61" s="6">
        <v>2298.4156679328839</v>
      </c>
      <c r="N61" s="5">
        <v>1.005537843699583</v>
      </c>
      <c r="O61" s="5" t="s">
        <v>342</v>
      </c>
      <c r="P61" s="5">
        <v>2.4750815438705928E-2</v>
      </c>
      <c r="Q61" s="5">
        <v>21.421831186458888</v>
      </c>
      <c r="R61" s="5">
        <v>0.42095527913380071</v>
      </c>
      <c r="S61" s="5">
        <v>7.4636198502761006</v>
      </c>
      <c r="T61" s="5">
        <v>12.548791317821136</v>
      </c>
      <c r="U61" s="5">
        <v>2.8603815851754342</v>
      </c>
      <c r="V61" s="5">
        <v>59.122972320777592</v>
      </c>
      <c r="W61" s="5">
        <v>18.00287571475441</v>
      </c>
      <c r="X61" s="5">
        <v>218.3147935838017</v>
      </c>
      <c r="Y61" s="5">
        <v>78.863076085668609</v>
      </c>
      <c r="Z61" s="5">
        <v>373.02028288599632</v>
      </c>
      <c r="AA61" s="5">
        <v>76.319962307369906</v>
      </c>
      <c r="AB61" s="5">
        <v>689.65023584162884</v>
      </c>
      <c r="AC61" s="5">
        <v>130.97488905350073</v>
      </c>
      <c r="AD61" s="6">
        <v>9756.1672212092199</v>
      </c>
      <c r="AE61" s="5">
        <v>0.38486841508863279</v>
      </c>
      <c r="AF61" s="5">
        <v>44.228312253772955</v>
      </c>
      <c r="AG61" s="5">
        <v>153.57333782550205</v>
      </c>
      <c r="AH61" s="5">
        <v>152.10609957589293</v>
      </c>
    </row>
    <row r="62" spans="1:34" x14ac:dyDescent="0.25">
      <c r="A62" s="4" t="s">
        <v>48</v>
      </c>
      <c r="B62" s="4" t="s">
        <v>49</v>
      </c>
      <c r="C62" s="4">
        <v>4</v>
      </c>
      <c r="D62" s="4" t="s">
        <v>1081</v>
      </c>
      <c r="E62" s="5">
        <v>0.77185586032586728</v>
      </c>
      <c r="F62" s="6">
        <v>182269.63465701204</v>
      </c>
      <c r="G62" s="5">
        <v>425.46605685117345</v>
      </c>
      <c r="H62" s="5" t="s">
        <v>50</v>
      </c>
      <c r="I62" s="5">
        <v>302.78896693568532</v>
      </c>
      <c r="J62" s="5">
        <v>8.4611792725677937</v>
      </c>
      <c r="K62" s="5">
        <v>42.508039441450734</v>
      </c>
      <c r="L62" s="5">
        <v>0.36513817014642175</v>
      </c>
      <c r="M62" s="6">
        <v>2359.7408503789293</v>
      </c>
      <c r="N62" s="5">
        <v>1.1492256907642111</v>
      </c>
      <c r="O62" s="5" t="s">
        <v>51</v>
      </c>
      <c r="P62" s="5">
        <v>1.7253979577772648E-2</v>
      </c>
      <c r="Q62" s="5">
        <v>27.56650434682361</v>
      </c>
      <c r="R62" s="5">
        <v>0.34258138823236828</v>
      </c>
      <c r="S62" s="5">
        <v>6.9844152696817625</v>
      </c>
      <c r="T62" s="5">
        <v>13.700965105080783</v>
      </c>
      <c r="U62" s="5">
        <v>2.9208329379102822</v>
      </c>
      <c r="V62" s="5">
        <v>63.495187221391156</v>
      </c>
      <c r="W62" s="5">
        <v>20.107455684067531</v>
      </c>
      <c r="X62" s="5">
        <v>246.69007282322136</v>
      </c>
      <c r="Y62" s="5">
        <v>92.202166951009829</v>
      </c>
      <c r="Z62" s="5">
        <v>448.40734726029615</v>
      </c>
      <c r="AA62" s="5">
        <v>93.620629398357607</v>
      </c>
      <c r="AB62" s="5">
        <v>881.91105389489758</v>
      </c>
      <c r="AC62" s="5">
        <v>167.10225683452882</v>
      </c>
      <c r="AD62" s="6">
        <v>12679.438245937608</v>
      </c>
      <c r="AE62" s="5">
        <v>0.47648845044118471</v>
      </c>
      <c r="AF62" s="5">
        <v>66.298011008059845</v>
      </c>
      <c r="AG62" s="5">
        <v>245.49776530506827</v>
      </c>
      <c r="AH62" s="5">
        <v>252.85895657318244</v>
      </c>
    </row>
    <row r="63" spans="1:34" x14ac:dyDescent="0.25">
      <c r="A63" s="4" t="s">
        <v>52</v>
      </c>
      <c r="B63" s="4" t="s">
        <v>53</v>
      </c>
      <c r="C63" s="4">
        <v>5</v>
      </c>
      <c r="D63" s="4" t="s">
        <v>1081</v>
      </c>
      <c r="E63" s="5" t="s">
        <v>54</v>
      </c>
      <c r="F63" s="6">
        <v>183982.46006665111</v>
      </c>
      <c r="G63" s="5">
        <v>685.69305086584325</v>
      </c>
      <c r="H63" s="5">
        <v>34.650871983339272</v>
      </c>
      <c r="I63" s="5">
        <v>347.0525911180697</v>
      </c>
      <c r="J63" s="5">
        <v>17.334640067091613</v>
      </c>
      <c r="K63" s="5">
        <v>31.872010390235722</v>
      </c>
      <c r="L63" s="5">
        <v>0.33289003360094271</v>
      </c>
      <c r="M63" s="6">
        <v>1841.9765659211869</v>
      </c>
      <c r="N63" s="5">
        <v>1.6955484148418591</v>
      </c>
      <c r="O63" s="5">
        <v>0.21247822250852871</v>
      </c>
      <c r="P63" s="5">
        <v>2.1399292107664246E-2</v>
      </c>
      <c r="Q63" s="5">
        <v>32.201292313760206</v>
      </c>
      <c r="R63" s="5">
        <v>0.28535596082592124</v>
      </c>
      <c r="S63" s="5">
        <v>4.8945903588309809</v>
      </c>
      <c r="T63" s="5">
        <v>9.884557987835219</v>
      </c>
      <c r="U63" s="5">
        <v>2.2867541389398056</v>
      </c>
      <c r="V63" s="5">
        <v>47.646686160171413</v>
      </c>
      <c r="W63" s="5">
        <v>15.432559947394381</v>
      </c>
      <c r="X63" s="5">
        <v>191.25124659028984</v>
      </c>
      <c r="Y63" s="5">
        <v>72.798696473641755</v>
      </c>
      <c r="Z63" s="5">
        <v>359.88150891749598</v>
      </c>
      <c r="AA63" s="5">
        <v>77.215324294536387</v>
      </c>
      <c r="AB63" s="5">
        <v>733.90234160866305</v>
      </c>
      <c r="AC63" s="5">
        <v>140.15401444256347</v>
      </c>
      <c r="AD63" s="6">
        <v>11003.383809211435</v>
      </c>
      <c r="AE63" s="5">
        <v>0.71860287231771236</v>
      </c>
      <c r="AF63" s="5">
        <v>88.845386798588464</v>
      </c>
      <c r="AG63" s="5">
        <v>325.80385253054993</v>
      </c>
      <c r="AH63" s="5">
        <v>299.8336312477993</v>
      </c>
    </row>
    <row r="64" spans="1:34" x14ac:dyDescent="0.25">
      <c r="A64" s="4" t="s">
        <v>55</v>
      </c>
      <c r="B64" s="4" t="s">
        <v>56</v>
      </c>
      <c r="C64" s="4">
        <v>6</v>
      </c>
      <c r="D64" s="4" t="s">
        <v>1081</v>
      </c>
      <c r="E64" s="5" t="s">
        <v>57</v>
      </c>
      <c r="F64" s="6">
        <v>184856.67901486382</v>
      </c>
      <c r="G64" s="5">
        <v>302.51096673758622</v>
      </c>
      <c r="H64" s="5">
        <v>68.781781035919821</v>
      </c>
      <c r="I64" s="5">
        <v>279.95559052405906</v>
      </c>
      <c r="J64" s="5">
        <v>6.1449342695695188</v>
      </c>
      <c r="K64" s="5" t="s">
        <v>58</v>
      </c>
      <c r="L64" s="5">
        <v>0.30810317983988922</v>
      </c>
      <c r="M64" s="6">
        <v>835.400969089</v>
      </c>
      <c r="N64" s="5">
        <v>1.1672987788045239</v>
      </c>
      <c r="O64" s="5" t="s">
        <v>59</v>
      </c>
      <c r="P64" s="5"/>
      <c r="Q64" s="5">
        <v>24.788238855774157</v>
      </c>
      <c r="R64" s="5" t="s">
        <v>60</v>
      </c>
      <c r="S64" s="5">
        <v>1.1481997482675332</v>
      </c>
      <c r="T64" s="5">
        <v>3.4858321077182688</v>
      </c>
      <c r="U64" s="5">
        <v>0.77302333822119262</v>
      </c>
      <c r="V64" s="5">
        <v>16.296664693922988</v>
      </c>
      <c r="W64" s="5">
        <v>5.6597522841490795</v>
      </c>
      <c r="X64" s="5">
        <v>80.949649721099348</v>
      </c>
      <c r="Y64" s="5">
        <v>33.232260180495018</v>
      </c>
      <c r="Z64" s="5">
        <v>173.62125974031127</v>
      </c>
      <c r="AA64" s="5">
        <v>42.196115071181715</v>
      </c>
      <c r="AB64" s="5">
        <v>465.59571827849879</v>
      </c>
      <c r="AC64" s="5">
        <v>86.516040963612284</v>
      </c>
      <c r="AD64" s="6">
        <v>14409.149988552097</v>
      </c>
      <c r="AE64" s="5">
        <v>0.65106810024930084</v>
      </c>
      <c r="AF64" s="5">
        <v>44.659394282784717</v>
      </c>
      <c r="AG64" s="5">
        <v>155.45830302878693</v>
      </c>
      <c r="AH64" s="5">
        <v>269.4109121185071</v>
      </c>
    </row>
    <row r="65" spans="1:34" x14ac:dyDescent="0.25">
      <c r="A65" s="4" t="s">
        <v>69</v>
      </c>
      <c r="B65" s="4" t="s">
        <v>70</v>
      </c>
      <c r="C65" s="4">
        <v>8</v>
      </c>
      <c r="D65" s="4" t="s">
        <v>1081</v>
      </c>
      <c r="E65" s="5" t="s">
        <v>71</v>
      </c>
      <c r="F65" s="6">
        <v>182856.74024639311</v>
      </c>
      <c r="G65" s="5">
        <v>576.42897442860817</v>
      </c>
      <c r="H65" s="5">
        <v>58.660205683356772</v>
      </c>
      <c r="I65" s="5">
        <v>315.90076733980612</v>
      </c>
      <c r="J65" s="5">
        <v>13.058735033172313</v>
      </c>
      <c r="K65" s="5">
        <v>22.951703609558756</v>
      </c>
      <c r="L65" s="5">
        <v>0.48292631875765513</v>
      </c>
      <c r="M65" s="6">
        <v>3471.1745896580742</v>
      </c>
      <c r="N65" s="5">
        <v>1.8606623418238351</v>
      </c>
      <c r="O65" s="5" t="s">
        <v>72</v>
      </c>
      <c r="P65" s="5">
        <v>7.4896593381252138E-2</v>
      </c>
      <c r="Q65" s="5">
        <v>35.185739909838773</v>
      </c>
      <c r="R65" s="5">
        <v>0.75261102576691297</v>
      </c>
      <c r="S65" s="5">
        <v>12.021302015323235</v>
      </c>
      <c r="T65" s="5">
        <v>20.566807193599171</v>
      </c>
      <c r="U65" s="5">
        <v>5.1385710707375782</v>
      </c>
      <c r="V65" s="5">
        <v>104.7000883720724</v>
      </c>
      <c r="W65" s="5">
        <v>32.531851488044516</v>
      </c>
      <c r="X65" s="5">
        <v>385.51723270062723</v>
      </c>
      <c r="Y65" s="5">
        <v>140.94429416340503</v>
      </c>
      <c r="Z65" s="5">
        <v>648.3930546342965</v>
      </c>
      <c r="AA65" s="5">
        <v>133.22962501816664</v>
      </c>
      <c r="AB65" s="5">
        <v>1288.7069576485526</v>
      </c>
      <c r="AC65" s="5">
        <v>221.05539605642829</v>
      </c>
      <c r="AD65" s="6">
        <v>10678.318711639684</v>
      </c>
      <c r="AE65" s="5">
        <v>0.67281656532791911</v>
      </c>
      <c r="AF65" s="5">
        <v>102.18514118640648</v>
      </c>
      <c r="AG65" s="5">
        <v>348.82265842641857</v>
      </c>
      <c r="AH65" s="5">
        <v>335.46640462149753</v>
      </c>
    </row>
    <row r="66" spans="1:34" x14ac:dyDescent="0.25">
      <c r="A66" s="4" t="s">
        <v>73</v>
      </c>
      <c r="B66" s="4" t="s">
        <v>74</v>
      </c>
      <c r="C66" s="4">
        <v>8</v>
      </c>
      <c r="D66" s="4" t="s">
        <v>1081</v>
      </c>
      <c r="E66" s="5">
        <v>16.935625285973057</v>
      </c>
      <c r="F66" s="6">
        <v>179501.84373168915</v>
      </c>
      <c r="G66" s="5">
        <v>367.83882985841831</v>
      </c>
      <c r="H66" s="5">
        <v>30.724019171001434</v>
      </c>
      <c r="I66" s="5">
        <v>305.47344171754469</v>
      </c>
      <c r="J66" s="5">
        <v>10.5523634374261</v>
      </c>
      <c r="K66" s="5">
        <v>28.998432625753683</v>
      </c>
      <c r="L66" s="5">
        <v>0.37848696250603747</v>
      </c>
      <c r="M66" s="6">
        <v>1965.4709348644606</v>
      </c>
      <c r="N66" s="5">
        <v>0.98967320165814499</v>
      </c>
      <c r="O66" s="5" t="s">
        <v>75</v>
      </c>
      <c r="P66" s="5">
        <v>1.625504819136684E-2</v>
      </c>
      <c r="Q66" s="5">
        <v>23.331298062512307</v>
      </c>
      <c r="R66" s="5">
        <v>0.29782912965207103</v>
      </c>
      <c r="S66" s="5">
        <v>5.7151019444181355</v>
      </c>
      <c r="T66" s="5">
        <v>11.138618401706527</v>
      </c>
      <c r="U66" s="5">
        <v>2.6139630821362307</v>
      </c>
      <c r="V66" s="5">
        <v>53.546791184637954</v>
      </c>
      <c r="W66" s="5">
        <v>16.430551697480006</v>
      </c>
      <c r="X66" s="5">
        <v>203.93258731807049</v>
      </c>
      <c r="Y66" s="5">
        <v>75.541403209704995</v>
      </c>
      <c r="Z66" s="5">
        <v>366.48756594177195</v>
      </c>
      <c r="AA66" s="5">
        <v>77.539853401032957</v>
      </c>
      <c r="AB66" s="5">
        <v>728.28497956427043</v>
      </c>
      <c r="AC66" s="5">
        <v>131.2300952151412</v>
      </c>
      <c r="AD66" s="6">
        <v>11961.554333013681</v>
      </c>
      <c r="AE66" s="5">
        <v>0.46191007034780218</v>
      </c>
      <c r="AF66" s="5">
        <v>48.239763190458888</v>
      </c>
      <c r="AG66" s="5">
        <v>173.58745906715868</v>
      </c>
      <c r="AH66" s="5">
        <v>195.15544742907539</v>
      </c>
    </row>
    <row r="67" spans="1:34" x14ac:dyDescent="0.25">
      <c r="A67" s="4" t="s">
        <v>76</v>
      </c>
      <c r="B67" s="4" t="s">
        <v>77</v>
      </c>
      <c r="C67" s="4">
        <v>8</v>
      </c>
      <c r="D67" s="4" t="s">
        <v>1081</v>
      </c>
      <c r="E67" s="5" t="s">
        <v>78</v>
      </c>
      <c r="F67" s="6">
        <v>185677.04269293213</v>
      </c>
      <c r="G67" s="5">
        <v>384.86406904976047</v>
      </c>
      <c r="H67" s="5">
        <v>45.448674457102555</v>
      </c>
      <c r="I67" s="5">
        <v>302.95409020764146</v>
      </c>
      <c r="J67" s="5">
        <v>9.5396348770628663</v>
      </c>
      <c r="K67" s="5">
        <v>13.325515315849627</v>
      </c>
      <c r="L67" s="5">
        <v>0.32453499668230273</v>
      </c>
      <c r="M67" s="6">
        <v>2030.8557350644189</v>
      </c>
      <c r="N67" s="5">
        <v>0.94325052780351837</v>
      </c>
      <c r="O67" s="5">
        <v>0.25757144513196795</v>
      </c>
      <c r="P67" s="5">
        <v>1.3257827212811706E-2</v>
      </c>
      <c r="Q67" s="5">
        <v>24.608400001338833</v>
      </c>
      <c r="R67" s="5">
        <v>0.32144204852083264</v>
      </c>
      <c r="S67" s="5">
        <v>5.8384340797827878</v>
      </c>
      <c r="T67" s="5">
        <v>11.513749614689056</v>
      </c>
      <c r="U67" s="5">
        <v>2.6568082574991729</v>
      </c>
      <c r="V67" s="5">
        <v>53.924190561037214</v>
      </c>
      <c r="W67" s="5">
        <v>16.815978757028883</v>
      </c>
      <c r="X67" s="5">
        <v>208.75054128565006</v>
      </c>
      <c r="Y67" s="5">
        <v>77.796787166480755</v>
      </c>
      <c r="Z67" s="5">
        <v>375.01094383489993</v>
      </c>
      <c r="AA67" s="5">
        <v>80.156612948304883</v>
      </c>
      <c r="AB67" s="5">
        <v>762.91640199137112</v>
      </c>
      <c r="AC67" s="5">
        <v>138.08268602154081</v>
      </c>
      <c r="AD67" s="6">
        <v>11910.841640861425</v>
      </c>
      <c r="AE67" s="5">
        <v>0.41515359981458033</v>
      </c>
      <c r="AF67" s="5">
        <v>50.647632200431339</v>
      </c>
      <c r="AG67" s="5">
        <v>186.43970187573302</v>
      </c>
      <c r="AH67" s="5">
        <v>211.68455737607474</v>
      </c>
    </row>
  </sheetData>
  <sortState ref="A5:BO76">
    <sortCondition ref="D3"/>
  </sortState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H47"/>
  <sheetViews>
    <sheetView topLeftCell="B1" zoomScale="80" zoomScaleNormal="80" workbookViewId="0">
      <pane ySplit="1" topLeftCell="A4" activePane="bottomLeft" state="frozen"/>
      <selection activeCell="BQ47" sqref="BQ47"/>
      <selection pane="bottomLeft" activeCell="J21" sqref="J21"/>
    </sheetView>
  </sheetViews>
  <sheetFormatPr defaultRowHeight="15" x14ac:dyDescent="0.25"/>
  <cols>
    <col min="1" max="1" width="21.5703125" bestFit="1" customWidth="1"/>
    <col min="2" max="2" width="19.7109375" bestFit="1" customWidth="1"/>
    <col min="3" max="3" width="6.5703125" bestFit="1" customWidth="1"/>
    <col min="4" max="4" width="9.42578125" bestFit="1" customWidth="1"/>
    <col min="5" max="5" width="11.28515625" customWidth="1"/>
    <col min="6" max="34" width="9.7109375" customWidth="1"/>
  </cols>
  <sheetData>
    <row r="1" spans="1:34" x14ac:dyDescent="0.25">
      <c r="A1" s="4" t="s">
        <v>1149</v>
      </c>
      <c r="B1" s="4" t="s">
        <v>1150</v>
      </c>
      <c r="C1" s="4" t="s">
        <v>1082</v>
      </c>
      <c r="D1" s="4" t="s">
        <v>1083</v>
      </c>
      <c r="E1" s="4" t="s">
        <v>1151</v>
      </c>
      <c r="F1" s="4" t="s">
        <v>0</v>
      </c>
      <c r="G1" s="4" t="s">
        <v>1</v>
      </c>
      <c r="H1" s="4" t="s">
        <v>2</v>
      </c>
      <c r="I1" s="4" t="s">
        <v>3</v>
      </c>
      <c r="J1" s="4" t="s">
        <v>4</v>
      </c>
      <c r="K1" s="4" t="s">
        <v>5</v>
      </c>
      <c r="L1" s="4" t="s">
        <v>6</v>
      </c>
      <c r="M1" s="4" t="s">
        <v>7</v>
      </c>
      <c r="N1" s="4" t="s">
        <v>8</v>
      </c>
      <c r="O1" s="4" t="s">
        <v>9</v>
      </c>
      <c r="P1" s="4" t="s">
        <v>10</v>
      </c>
      <c r="Q1" s="4" t="s">
        <v>11</v>
      </c>
      <c r="R1" s="4" t="s">
        <v>12</v>
      </c>
      <c r="S1" s="4" t="s">
        <v>13</v>
      </c>
      <c r="T1" s="4" t="s">
        <v>14</v>
      </c>
      <c r="U1" s="4" t="s">
        <v>15</v>
      </c>
      <c r="V1" s="4" t="s">
        <v>16</v>
      </c>
      <c r="W1" s="4" t="s">
        <v>17</v>
      </c>
      <c r="X1" s="4" t="s">
        <v>18</v>
      </c>
      <c r="Y1" s="4" t="s">
        <v>19</v>
      </c>
      <c r="Z1" s="4" t="s">
        <v>20</v>
      </c>
      <c r="AA1" s="4" t="s">
        <v>21</v>
      </c>
      <c r="AB1" s="4" t="s">
        <v>22</v>
      </c>
      <c r="AC1" s="4" t="s">
        <v>23</v>
      </c>
      <c r="AD1" s="4" t="s">
        <v>24</v>
      </c>
      <c r="AE1" s="4" t="s">
        <v>25</v>
      </c>
      <c r="AF1" s="4" t="s">
        <v>26</v>
      </c>
      <c r="AG1" s="4" t="s">
        <v>27</v>
      </c>
      <c r="AH1" s="4" t="s">
        <v>28</v>
      </c>
    </row>
    <row r="2" spans="1:34" x14ac:dyDescent="0.25">
      <c r="A2" s="4" t="s">
        <v>281</v>
      </c>
      <c r="B2" s="4" t="s">
        <v>282</v>
      </c>
      <c r="C2" s="4">
        <v>10</v>
      </c>
      <c r="D2" s="4" t="s">
        <v>1080</v>
      </c>
      <c r="E2" s="5">
        <v>0.95001440388037928</v>
      </c>
      <c r="F2" s="5">
        <v>182579.36494879736</v>
      </c>
      <c r="G2" s="5">
        <v>877.22625797034823</v>
      </c>
      <c r="H2" s="5">
        <v>31.396058921334873</v>
      </c>
      <c r="I2" s="5">
        <v>339.61873682924949</v>
      </c>
      <c r="J2" s="5">
        <v>11.992899957138329</v>
      </c>
      <c r="K2" s="5">
        <v>39.489058563360693</v>
      </c>
      <c r="L2" s="5">
        <v>0.69063437109597159</v>
      </c>
      <c r="M2" s="5">
        <v>5205.0839251602192</v>
      </c>
      <c r="N2" s="5">
        <v>3.6308731964608563</v>
      </c>
      <c r="O2" s="5" t="s">
        <v>283</v>
      </c>
      <c r="P2" s="5">
        <v>0.10790468814307234</v>
      </c>
      <c r="Q2" s="5">
        <v>67.121923859038858</v>
      </c>
      <c r="R2" s="5">
        <v>1.1619404344736564</v>
      </c>
      <c r="S2" s="5">
        <v>17.980459359350274</v>
      </c>
      <c r="T2" s="5">
        <v>32.597821238415889</v>
      </c>
      <c r="U2" s="5">
        <v>8.7301649826090397</v>
      </c>
      <c r="V2" s="5">
        <v>161.14674173222826</v>
      </c>
      <c r="W2" s="5">
        <v>49.013926878123996</v>
      </c>
      <c r="X2" s="5">
        <v>581.09710141805897</v>
      </c>
      <c r="Y2" s="5">
        <v>209.16882139912553</v>
      </c>
      <c r="Z2" s="5">
        <v>973.72973043456204</v>
      </c>
      <c r="AA2" s="5">
        <v>198.17270115211554</v>
      </c>
      <c r="AB2" s="5">
        <v>1801.6878170379871</v>
      </c>
      <c r="AC2" s="5">
        <v>340.02730894429567</v>
      </c>
      <c r="AD2" s="5">
        <v>10781.321606892467</v>
      </c>
      <c r="AE2" s="5">
        <v>1.1032542379906836</v>
      </c>
      <c r="AF2" s="5">
        <v>136.19747813569526</v>
      </c>
      <c r="AG2" s="5">
        <v>511.78747398977333</v>
      </c>
      <c r="AH2" s="5">
        <v>401.80376427392042</v>
      </c>
    </row>
    <row r="3" spans="1:34" x14ac:dyDescent="0.25">
      <c r="A3" s="4" t="s">
        <v>311</v>
      </c>
      <c r="B3" s="4" t="s">
        <v>312</v>
      </c>
      <c r="C3" s="4">
        <v>16</v>
      </c>
      <c r="D3" s="4" t="s">
        <v>1080</v>
      </c>
      <c r="E3" s="5">
        <v>0.73435990423063002</v>
      </c>
      <c r="F3" s="5">
        <v>172203.65612378684</v>
      </c>
      <c r="G3" s="5">
        <v>1084.4545551345584</v>
      </c>
      <c r="H3" s="5" t="s">
        <v>313</v>
      </c>
      <c r="I3" s="5">
        <v>367.49434445521911</v>
      </c>
      <c r="J3" s="5">
        <v>15.133445773893557</v>
      </c>
      <c r="K3" s="5">
        <v>53.683896357475639</v>
      </c>
      <c r="L3" s="5">
        <v>0.78039366188507009</v>
      </c>
      <c r="M3" s="5">
        <v>6453.3663607705157</v>
      </c>
      <c r="N3" s="5">
        <v>6.4935309924125661</v>
      </c>
      <c r="O3" s="5">
        <v>0.18653273422663438</v>
      </c>
      <c r="P3" s="5">
        <v>0.11349245979010465</v>
      </c>
      <c r="Q3" s="5">
        <v>94.732633190263115</v>
      </c>
      <c r="R3" s="5">
        <v>1.1407018747793209</v>
      </c>
      <c r="S3" s="5">
        <v>18.320796729886503</v>
      </c>
      <c r="T3" s="5">
        <v>33.249514399943308</v>
      </c>
      <c r="U3" s="5">
        <v>8.9817611240287896</v>
      </c>
      <c r="V3" s="5">
        <v>180.90754481804322</v>
      </c>
      <c r="W3" s="5">
        <v>56.047232831571087</v>
      </c>
      <c r="X3" s="5">
        <v>673.76497937224724</v>
      </c>
      <c r="Y3" s="5">
        <v>244.44050565008155</v>
      </c>
      <c r="Z3" s="5">
        <v>1138.3336445493951</v>
      </c>
      <c r="AA3" s="5">
        <v>228.16768157454428</v>
      </c>
      <c r="AB3" s="5">
        <v>2023.7765080516454</v>
      </c>
      <c r="AC3" s="5">
        <v>385.83187067836093</v>
      </c>
      <c r="AD3" s="5">
        <v>9898.2440990655978</v>
      </c>
      <c r="AE3" s="5">
        <v>1.5424749041759809</v>
      </c>
      <c r="AF3" s="5">
        <v>205.2929572624235</v>
      </c>
      <c r="AG3" s="5">
        <v>780.88604394248773</v>
      </c>
      <c r="AH3" s="5">
        <v>495.63643234342578</v>
      </c>
    </row>
    <row r="4" spans="1:34" x14ac:dyDescent="0.25">
      <c r="A4" s="4" t="s">
        <v>566</v>
      </c>
      <c r="B4" s="4" t="s">
        <v>567</v>
      </c>
      <c r="C4" s="4">
        <v>22</v>
      </c>
      <c r="D4" s="4" t="s">
        <v>1080</v>
      </c>
      <c r="E4" s="5" t="s">
        <v>568</v>
      </c>
      <c r="F4" s="6">
        <v>223759.95691146736</v>
      </c>
      <c r="G4" s="5">
        <v>727.77140179972707</v>
      </c>
      <c r="H4" s="5">
        <v>89.755551649351403</v>
      </c>
      <c r="I4" s="5">
        <v>323.97779448303811</v>
      </c>
      <c r="J4" s="5">
        <v>9.2715693389409353</v>
      </c>
      <c r="K4" s="5" t="s">
        <v>569</v>
      </c>
      <c r="L4" s="5">
        <v>0.50308219278858168</v>
      </c>
      <c r="M4" s="6">
        <v>3275.4741817618838</v>
      </c>
      <c r="N4" s="5">
        <v>1.8381645019112884</v>
      </c>
      <c r="O4" s="5" t="s">
        <v>570</v>
      </c>
      <c r="P4" s="5">
        <v>4.11912678301199E-2</v>
      </c>
      <c r="Q4" s="5">
        <v>44.473709203336099</v>
      </c>
      <c r="R4" s="5">
        <v>0.7242581290805411</v>
      </c>
      <c r="S4" s="5">
        <v>12.993432081217357</v>
      </c>
      <c r="T4" s="5">
        <v>23.540985549560656</v>
      </c>
      <c r="U4" s="5">
        <v>6.0983756637233055</v>
      </c>
      <c r="V4" s="5">
        <v>102.55908151792548</v>
      </c>
      <c r="W4" s="5">
        <v>31.721124532097981</v>
      </c>
      <c r="X4" s="5">
        <v>384.2944013880043</v>
      </c>
      <c r="Y4" s="5">
        <v>139.46799997737935</v>
      </c>
      <c r="Z4" s="5">
        <v>664.94782763064302</v>
      </c>
      <c r="AA4" s="5">
        <v>142.77197990907149</v>
      </c>
      <c r="AB4" s="5">
        <v>1364.1429405709473</v>
      </c>
      <c r="AC4" s="5">
        <v>246.70120954983588</v>
      </c>
      <c r="AD4" s="6">
        <v>12629.691866932486</v>
      </c>
      <c r="AE4" s="5">
        <v>0.82951132351306001</v>
      </c>
      <c r="AF4" s="5">
        <v>104.72095817717907</v>
      </c>
      <c r="AG4" s="5">
        <v>335.52482884567723</v>
      </c>
      <c r="AH4" s="5">
        <v>329.35667594789243</v>
      </c>
    </row>
    <row r="5" spans="1:34" x14ac:dyDescent="0.25">
      <c r="A5" s="4" t="s">
        <v>575</v>
      </c>
      <c r="B5" s="4" t="s">
        <v>576</v>
      </c>
      <c r="C5" s="4">
        <v>24</v>
      </c>
      <c r="D5" s="4" t="s">
        <v>1080</v>
      </c>
      <c r="E5" s="5" t="s">
        <v>577</v>
      </c>
      <c r="F5" s="6">
        <v>206634.54744448065</v>
      </c>
      <c r="G5" s="5">
        <v>865.09287191635224</v>
      </c>
      <c r="H5" s="5">
        <v>86.765446388918747</v>
      </c>
      <c r="I5" s="5">
        <v>326.99611129918844</v>
      </c>
      <c r="J5" s="5">
        <v>9.9075047307178927</v>
      </c>
      <c r="K5" s="5">
        <v>8.868590003146485</v>
      </c>
      <c r="L5" s="5">
        <v>0.73642021664562829</v>
      </c>
      <c r="M5" s="6">
        <v>4357.5764126746062</v>
      </c>
      <c r="N5" s="5">
        <v>2.9732723246646064</v>
      </c>
      <c r="O5" s="5">
        <v>0.215093998801344</v>
      </c>
      <c r="P5" s="5">
        <v>7.511976038295437E-2</v>
      </c>
      <c r="Q5" s="5">
        <v>57.314787735591736</v>
      </c>
      <c r="R5" s="5">
        <v>1.0105832939065564</v>
      </c>
      <c r="S5" s="5">
        <v>15.853686591963436</v>
      </c>
      <c r="T5" s="5">
        <v>27.61049760547467</v>
      </c>
      <c r="U5" s="5">
        <v>7.3213262512141153</v>
      </c>
      <c r="V5" s="5">
        <v>132.15648477015972</v>
      </c>
      <c r="W5" s="5">
        <v>41.985303925750671</v>
      </c>
      <c r="X5" s="5">
        <v>512.63251917081664</v>
      </c>
      <c r="Y5" s="5">
        <v>183.84824097928393</v>
      </c>
      <c r="Z5" s="5">
        <v>868.02532004168359</v>
      </c>
      <c r="AA5" s="5">
        <v>187.4964228400942</v>
      </c>
      <c r="AB5" s="5">
        <v>1792.0081966325245</v>
      </c>
      <c r="AC5" s="5">
        <v>311.63428421684381</v>
      </c>
      <c r="AD5" s="6">
        <v>11836.74289942967</v>
      </c>
      <c r="AE5" s="5">
        <v>1.0731642293738703</v>
      </c>
      <c r="AF5" s="5">
        <v>139.82488482763614</v>
      </c>
      <c r="AG5" s="5">
        <v>482.9358091636883</v>
      </c>
      <c r="AH5" s="5">
        <v>443.68654866674979</v>
      </c>
    </row>
    <row r="6" spans="1:34" x14ac:dyDescent="0.25">
      <c r="A6" s="4" t="s">
        <v>589</v>
      </c>
      <c r="B6" s="4" t="s">
        <v>590</v>
      </c>
      <c r="C6" s="4">
        <v>27</v>
      </c>
      <c r="D6" s="4" t="s">
        <v>1080</v>
      </c>
      <c r="E6" s="5" t="s">
        <v>591</v>
      </c>
      <c r="F6" s="6">
        <v>197533.26430563568</v>
      </c>
      <c r="G6" s="5">
        <v>723.51757000002351</v>
      </c>
      <c r="H6" s="5">
        <v>54.681309744043695</v>
      </c>
      <c r="I6" s="5">
        <v>316.35000106150494</v>
      </c>
      <c r="J6" s="5">
        <v>9.3095196506558882</v>
      </c>
      <c r="K6" s="5">
        <v>17.14653292329216</v>
      </c>
      <c r="L6" s="5">
        <v>0.59422559544747611</v>
      </c>
      <c r="M6" s="6">
        <v>3836.8075705831229</v>
      </c>
      <c r="N6" s="5">
        <v>2.6740189058841257</v>
      </c>
      <c r="O6" s="5" t="s">
        <v>592</v>
      </c>
      <c r="P6" s="5">
        <v>5.6107486173328676E-2</v>
      </c>
      <c r="Q6" s="5">
        <v>51.764547632938083</v>
      </c>
      <c r="R6" s="5">
        <v>0.85954686951082249</v>
      </c>
      <c r="S6" s="5">
        <v>14.047602155523991</v>
      </c>
      <c r="T6" s="5">
        <v>23.465725327513056</v>
      </c>
      <c r="U6" s="5">
        <v>6.1979068766080578</v>
      </c>
      <c r="V6" s="5">
        <v>111.56401121297144</v>
      </c>
      <c r="W6" s="5">
        <v>35.03769913193333</v>
      </c>
      <c r="X6" s="5">
        <v>428.61393594987021</v>
      </c>
      <c r="Y6" s="5">
        <v>156.900537150856</v>
      </c>
      <c r="Z6" s="5">
        <v>752.00929110429911</v>
      </c>
      <c r="AA6" s="5">
        <v>163.05882410511447</v>
      </c>
      <c r="AB6" s="5">
        <v>1567.47031839384</v>
      </c>
      <c r="AC6" s="5">
        <v>278.21509433290635</v>
      </c>
      <c r="AD6" s="6">
        <v>11808.056870437355</v>
      </c>
      <c r="AE6" s="5">
        <v>1.0049363604156312</v>
      </c>
      <c r="AF6" s="5">
        <v>124.85973365549924</v>
      </c>
      <c r="AG6" s="5">
        <v>427.17269900032301</v>
      </c>
      <c r="AH6" s="5">
        <v>396.63974181287995</v>
      </c>
    </row>
    <row r="7" spans="1:34" x14ac:dyDescent="0.25">
      <c r="A7" s="4" t="s">
        <v>248</v>
      </c>
      <c r="B7" s="4" t="s">
        <v>249</v>
      </c>
      <c r="C7" s="4">
        <v>2</v>
      </c>
      <c r="D7" s="4" t="s">
        <v>1080</v>
      </c>
      <c r="E7" s="5" t="s">
        <v>250</v>
      </c>
      <c r="F7" s="6">
        <v>174516.98472761345</v>
      </c>
      <c r="G7" s="5">
        <v>838.802443383585</v>
      </c>
      <c r="H7" s="5">
        <v>24.942212627165549</v>
      </c>
      <c r="I7" s="5">
        <v>341.97737236373757</v>
      </c>
      <c r="J7" s="5">
        <v>12.088285139198288</v>
      </c>
      <c r="K7" s="5">
        <v>10.953217590472432</v>
      </c>
      <c r="L7" s="5">
        <v>0.68985871717308622</v>
      </c>
      <c r="M7" s="6">
        <v>5483.4261336260697</v>
      </c>
      <c r="N7" s="5">
        <v>3.9955357246953964</v>
      </c>
      <c r="O7" s="5">
        <v>0.2110655934668926</v>
      </c>
      <c r="P7" s="5">
        <v>0.1058714131684042</v>
      </c>
      <c r="Q7" s="5">
        <v>73.500247220554527</v>
      </c>
      <c r="R7" s="5">
        <v>1.2096478846937391</v>
      </c>
      <c r="S7" s="5">
        <v>19.741320298209875</v>
      </c>
      <c r="T7" s="5">
        <v>34.799728120180916</v>
      </c>
      <c r="U7" s="5">
        <v>9.3697606868227297</v>
      </c>
      <c r="V7" s="5">
        <v>171.21913958563516</v>
      </c>
      <c r="W7" s="5">
        <v>51.371516228916377</v>
      </c>
      <c r="X7" s="5">
        <v>610.10557197925948</v>
      </c>
      <c r="Y7" s="5">
        <v>216.87456184855074</v>
      </c>
      <c r="Z7" s="5">
        <v>1009.3561710462379</v>
      </c>
      <c r="AA7" s="5">
        <v>208.34113059929487</v>
      </c>
      <c r="AB7" s="5">
        <v>1901.6513739536119</v>
      </c>
      <c r="AC7" s="5">
        <v>344.14402950373113</v>
      </c>
      <c r="AD7" s="6">
        <v>10278.32474458574</v>
      </c>
      <c r="AE7" s="5">
        <v>1.1854592528526187</v>
      </c>
      <c r="AF7" s="5">
        <v>142.15172759213047</v>
      </c>
      <c r="AG7" s="5">
        <v>542.26966933396977</v>
      </c>
      <c r="AH7" s="5">
        <v>429.41864655806017</v>
      </c>
    </row>
    <row r="8" spans="1:34" x14ac:dyDescent="0.25">
      <c r="A8" s="4" t="s">
        <v>612</v>
      </c>
      <c r="B8" s="4" t="s">
        <v>613</v>
      </c>
      <c r="C8" s="4">
        <v>31</v>
      </c>
      <c r="D8" s="4" t="s">
        <v>1080</v>
      </c>
      <c r="E8" s="5" t="s">
        <v>614</v>
      </c>
      <c r="F8" s="6">
        <v>195718.03558575962</v>
      </c>
      <c r="G8" s="5">
        <v>828.56867939975632</v>
      </c>
      <c r="H8" s="5">
        <v>78.055548780736032</v>
      </c>
      <c r="I8" s="5">
        <v>324.67741660830472</v>
      </c>
      <c r="J8" s="5">
        <v>9.3296016168394988</v>
      </c>
      <c r="K8" s="5" t="s">
        <v>615</v>
      </c>
      <c r="L8" s="5">
        <v>0.61597655993708655</v>
      </c>
      <c r="M8" s="6">
        <v>3354.2786411762263</v>
      </c>
      <c r="N8" s="5">
        <v>4.3343906268857024</v>
      </c>
      <c r="O8" s="5">
        <v>0.21640087521567597</v>
      </c>
      <c r="P8" s="5">
        <v>5.5318044973501734E-2</v>
      </c>
      <c r="Q8" s="5">
        <v>69.536024145162457</v>
      </c>
      <c r="R8" s="5">
        <v>0.5977200135482863</v>
      </c>
      <c r="S8" s="5">
        <v>9.5586388465630456</v>
      </c>
      <c r="T8" s="5">
        <v>16.534310649958506</v>
      </c>
      <c r="U8" s="5">
        <v>4.3183122909233829</v>
      </c>
      <c r="V8" s="5">
        <v>83.031646485805425</v>
      </c>
      <c r="W8" s="5">
        <v>27.196689274148167</v>
      </c>
      <c r="X8" s="5">
        <v>345.39929904843967</v>
      </c>
      <c r="Y8" s="5">
        <v>132.44036430527441</v>
      </c>
      <c r="Z8" s="5">
        <v>656.66049977892385</v>
      </c>
      <c r="AA8" s="5">
        <v>146.25609026565277</v>
      </c>
      <c r="AB8" s="5">
        <v>1416.8673982066964</v>
      </c>
      <c r="AC8" s="5">
        <v>260.73768839863794</v>
      </c>
      <c r="AD8" s="6">
        <v>12063.352396754839</v>
      </c>
      <c r="AE8" s="5">
        <v>1.3732533815058938</v>
      </c>
      <c r="AF8" s="5">
        <v>163.78918234090222</v>
      </c>
      <c r="AG8" s="5">
        <v>570.94205443785711</v>
      </c>
      <c r="AH8" s="5">
        <v>512.33041630347873</v>
      </c>
    </row>
    <row r="9" spans="1:34" x14ac:dyDescent="0.25">
      <c r="A9" s="4" t="s">
        <v>632</v>
      </c>
      <c r="B9" s="4" t="s">
        <v>633</v>
      </c>
      <c r="C9" s="4">
        <v>35</v>
      </c>
      <c r="D9" s="4" t="s">
        <v>1080</v>
      </c>
      <c r="E9" s="5" t="s">
        <v>634</v>
      </c>
      <c r="F9" s="6">
        <v>200291.10405486496</v>
      </c>
      <c r="G9" s="5">
        <v>614.84275552540305</v>
      </c>
      <c r="H9" s="5">
        <v>79.597762220662162</v>
      </c>
      <c r="I9" s="5">
        <v>315.65414094029137</v>
      </c>
      <c r="J9" s="5">
        <v>9.0800862671102713</v>
      </c>
      <c r="K9" s="5" t="s">
        <v>635</v>
      </c>
      <c r="L9" s="5">
        <v>0.52625249936841267</v>
      </c>
      <c r="M9" s="6">
        <v>3107.0891160032584</v>
      </c>
      <c r="N9" s="5">
        <v>1.8495859178419989</v>
      </c>
      <c r="O9" s="5">
        <v>0.33271755168997486</v>
      </c>
      <c r="P9" s="5">
        <v>7.9817067526639723E-2</v>
      </c>
      <c r="Q9" s="5">
        <v>40.194832745026424</v>
      </c>
      <c r="R9" s="5">
        <v>0.66959889423496033</v>
      </c>
      <c r="S9" s="5">
        <v>11.744145262181648</v>
      </c>
      <c r="T9" s="5">
        <v>19.601751591921118</v>
      </c>
      <c r="U9" s="5">
        <v>5.3367371754679818</v>
      </c>
      <c r="V9" s="5">
        <v>94.254951299624636</v>
      </c>
      <c r="W9" s="5">
        <v>29.700114630846052</v>
      </c>
      <c r="X9" s="5">
        <v>354.37071749561414</v>
      </c>
      <c r="Y9" s="5">
        <v>129.13914467640637</v>
      </c>
      <c r="Z9" s="5">
        <v>610.06607970740038</v>
      </c>
      <c r="AA9" s="5">
        <v>132.68904301195775</v>
      </c>
      <c r="AB9" s="5">
        <v>1251.7964645345796</v>
      </c>
      <c r="AC9" s="5">
        <v>221.34591243607761</v>
      </c>
      <c r="AD9" s="6">
        <v>11629.535356902452</v>
      </c>
      <c r="AE9" s="5">
        <v>0.7817941714416452</v>
      </c>
      <c r="AF9" s="5">
        <v>85.281188731557734</v>
      </c>
      <c r="AG9" s="5">
        <v>293.32994755618427</v>
      </c>
      <c r="AH9" s="5">
        <v>289.93685642532938</v>
      </c>
    </row>
    <row r="10" spans="1:34" x14ac:dyDescent="0.25">
      <c r="A10" s="4" t="s">
        <v>314</v>
      </c>
      <c r="B10" s="4" t="s">
        <v>315</v>
      </c>
      <c r="C10" s="4">
        <v>17</v>
      </c>
      <c r="D10" s="4" t="s">
        <v>1080</v>
      </c>
      <c r="E10" s="5">
        <v>0.67856006685557124</v>
      </c>
      <c r="F10" s="6">
        <v>170825.75014461708</v>
      </c>
      <c r="G10" s="5">
        <v>915.1058797521049</v>
      </c>
      <c r="H10" s="5" t="s">
        <v>316</v>
      </c>
      <c r="I10" s="5">
        <v>388.19588865372526</v>
      </c>
      <c r="J10" s="5">
        <v>17.218459928207743</v>
      </c>
      <c r="K10" s="5">
        <v>22.454306516918408</v>
      </c>
      <c r="L10" s="5">
        <v>0.36109730289255509</v>
      </c>
      <c r="M10" s="6">
        <v>3032.4599788115274</v>
      </c>
      <c r="N10" s="5">
        <v>5.358490854490487</v>
      </c>
      <c r="O10" s="5">
        <v>0.22821566833521723</v>
      </c>
      <c r="P10" s="5">
        <v>3.6447922834729772E-2</v>
      </c>
      <c r="Q10" s="5">
        <v>76.025960404351494</v>
      </c>
      <c r="R10" s="5">
        <v>0.39041343768573267</v>
      </c>
      <c r="S10" s="5">
        <v>6.8832526962557026</v>
      </c>
      <c r="T10" s="5">
        <v>13.977530204781802</v>
      </c>
      <c r="U10" s="5">
        <v>3.7961613636263505</v>
      </c>
      <c r="V10" s="5">
        <v>74.864265597410167</v>
      </c>
      <c r="W10" s="5">
        <v>24.899749229404467</v>
      </c>
      <c r="X10" s="5">
        <v>302.54091537596048</v>
      </c>
      <c r="Y10" s="5">
        <v>111.99164787476691</v>
      </c>
      <c r="Z10" s="5">
        <v>526.20623500005104</v>
      </c>
      <c r="AA10" s="5">
        <v>108.00946162961141</v>
      </c>
      <c r="AB10" s="5">
        <v>961.2787692988602</v>
      </c>
      <c r="AC10" s="5">
        <v>187.58677206959115</v>
      </c>
      <c r="AD10" s="6">
        <v>9828.8486461239518</v>
      </c>
      <c r="AE10" s="5">
        <v>1.4380934575383382</v>
      </c>
      <c r="AF10" s="5">
        <v>280.08248758881774</v>
      </c>
      <c r="AG10" s="5">
        <v>1070.7788997576081</v>
      </c>
      <c r="AH10" s="5">
        <v>523.04186771772061</v>
      </c>
    </row>
    <row r="11" spans="1:34" x14ac:dyDescent="0.25">
      <c r="A11" s="4" t="s">
        <v>597</v>
      </c>
      <c r="B11" s="4" t="s">
        <v>598</v>
      </c>
      <c r="C11" s="4">
        <v>27</v>
      </c>
      <c r="D11" s="4" t="s">
        <v>1080</v>
      </c>
      <c r="E11" s="5">
        <v>43.159092158815717</v>
      </c>
      <c r="F11" s="6">
        <v>207076.18802871398</v>
      </c>
      <c r="G11" s="5">
        <v>929.68686371589513</v>
      </c>
      <c r="H11" s="5">
        <v>111.98187400753717</v>
      </c>
      <c r="I11" s="5">
        <v>326.36395216891265</v>
      </c>
      <c r="J11" s="5">
        <v>10.656460405598606</v>
      </c>
      <c r="K11" s="5">
        <v>80.367920731943798</v>
      </c>
      <c r="L11" s="5">
        <v>1.2090000113206727</v>
      </c>
      <c r="M11" s="6">
        <v>4984.2793794970876</v>
      </c>
      <c r="N11" s="5">
        <v>3.6244188038057423</v>
      </c>
      <c r="O11" s="5">
        <v>0.3013112172978808</v>
      </c>
      <c r="P11" s="5">
        <v>0.11062718466944273</v>
      </c>
      <c r="Q11" s="5">
        <v>71.154775233255592</v>
      </c>
      <c r="R11" s="5">
        <v>1.1010928599630903</v>
      </c>
      <c r="S11" s="5">
        <v>17.005366702501437</v>
      </c>
      <c r="T11" s="5">
        <v>28.667277045082457</v>
      </c>
      <c r="U11" s="5">
        <v>7.5196804640309214</v>
      </c>
      <c r="V11" s="5">
        <v>136.78072780561334</v>
      </c>
      <c r="W11" s="5">
        <v>43.339349503851217</v>
      </c>
      <c r="X11" s="5">
        <v>543.93951094008014</v>
      </c>
      <c r="Y11" s="5">
        <v>201.2359320030443</v>
      </c>
      <c r="Z11" s="5">
        <v>961.86587057381405</v>
      </c>
      <c r="AA11" s="5">
        <v>209.66672183501518</v>
      </c>
      <c r="AB11" s="5">
        <v>1970.9089756352416</v>
      </c>
      <c r="AC11" s="5">
        <v>358.64058781165113</v>
      </c>
      <c r="AD11" s="6">
        <v>11570.14825436227</v>
      </c>
      <c r="AE11" s="5">
        <v>1.3398288901383428</v>
      </c>
      <c r="AF11" s="5">
        <v>189.26940075273038</v>
      </c>
      <c r="AG11" s="5">
        <v>661.41158040114817</v>
      </c>
      <c r="AH11" s="5">
        <v>556.2899081682848</v>
      </c>
    </row>
    <row r="12" spans="1:34" x14ac:dyDescent="0.25">
      <c r="A12" s="4" t="s">
        <v>299</v>
      </c>
      <c r="B12" s="4" t="s">
        <v>300</v>
      </c>
      <c r="C12" s="4">
        <v>14</v>
      </c>
      <c r="D12" s="4" t="s">
        <v>1081</v>
      </c>
      <c r="E12" s="5" t="s">
        <v>301</v>
      </c>
      <c r="F12" s="6">
        <v>183608.39013136027</v>
      </c>
      <c r="G12" s="5">
        <v>537.64652160692503</v>
      </c>
      <c r="H12" s="5" t="s">
        <v>302</v>
      </c>
      <c r="I12" s="5">
        <v>277.28749408220034</v>
      </c>
      <c r="J12" s="5">
        <v>6.7524737715014895</v>
      </c>
      <c r="K12" s="5">
        <v>19.742703223715274</v>
      </c>
      <c r="L12" s="5">
        <v>0.46520260447833933</v>
      </c>
      <c r="M12" s="6">
        <v>3188.6555001293123</v>
      </c>
      <c r="N12" s="5">
        <v>1.9258799541257561</v>
      </c>
      <c r="O12" s="5" t="s">
        <v>303</v>
      </c>
      <c r="P12" s="5">
        <v>2.9675777367706789E-2</v>
      </c>
      <c r="Q12" s="5">
        <v>40.065070612784545</v>
      </c>
      <c r="R12" s="5">
        <v>0.58307848684605657</v>
      </c>
      <c r="S12" s="5">
        <v>10.164871448385943</v>
      </c>
      <c r="T12" s="5">
        <v>17.163917444772903</v>
      </c>
      <c r="U12" s="5">
        <v>4.3852984712329723</v>
      </c>
      <c r="V12" s="5">
        <v>82.209831851090371</v>
      </c>
      <c r="W12" s="5">
        <v>25.819058813816586</v>
      </c>
      <c r="X12" s="5">
        <v>316.10260992541231</v>
      </c>
      <c r="Y12" s="5">
        <v>118.26323672031938</v>
      </c>
      <c r="Z12" s="5">
        <v>586.64748665411707</v>
      </c>
      <c r="AA12" s="5">
        <v>124.50028341641163</v>
      </c>
      <c r="AB12" s="5">
        <v>1162.4791147941539</v>
      </c>
      <c r="AC12" s="5">
        <v>234.96529046152392</v>
      </c>
      <c r="AD12" s="6">
        <v>11915.804162678371</v>
      </c>
      <c r="AE12" s="5">
        <v>0.78895741231978678</v>
      </c>
      <c r="AF12" s="5">
        <v>89.396553455233786</v>
      </c>
      <c r="AG12" s="5">
        <v>325.90898735951771</v>
      </c>
      <c r="AH12" s="5">
        <v>309.66592778250867</v>
      </c>
    </row>
    <row r="13" spans="1:34" x14ac:dyDescent="0.25">
      <c r="A13" s="4" t="s">
        <v>599</v>
      </c>
      <c r="B13" s="4" t="s">
        <v>600</v>
      </c>
      <c r="C13" s="4">
        <v>28</v>
      </c>
      <c r="D13" s="4" t="s">
        <v>1081</v>
      </c>
      <c r="E13" s="5" t="s">
        <v>601</v>
      </c>
      <c r="F13" s="6">
        <v>189848.37067744421</v>
      </c>
      <c r="G13" s="5">
        <v>579.08031993761233</v>
      </c>
      <c r="H13" s="5">
        <v>45.461452821103769</v>
      </c>
      <c r="I13" s="5">
        <v>290.36186925279924</v>
      </c>
      <c r="J13" s="5">
        <v>6.9847896338372584</v>
      </c>
      <c r="K13" s="5">
        <v>46.087589958826911</v>
      </c>
      <c r="L13" s="5">
        <v>0.56683616875162512</v>
      </c>
      <c r="M13" s="6">
        <v>3304.3382842080314</v>
      </c>
      <c r="N13" s="5">
        <v>2.3866606852743564</v>
      </c>
      <c r="O13" s="5" t="s">
        <v>602</v>
      </c>
      <c r="P13" s="5">
        <v>4.9303271675347239E-2</v>
      </c>
      <c r="Q13" s="5">
        <v>46.781768394963407</v>
      </c>
      <c r="R13" s="5">
        <v>0.70598685951285411</v>
      </c>
      <c r="S13" s="5">
        <v>10.30297760946749</v>
      </c>
      <c r="T13" s="5">
        <v>18.079931288893921</v>
      </c>
      <c r="U13" s="5">
        <v>4.4434233342330058</v>
      </c>
      <c r="V13" s="5">
        <v>81.294312389520769</v>
      </c>
      <c r="W13" s="5">
        <v>25.99930171359442</v>
      </c>
      <c r="X13" s="5">
        <v>331.83171664126246</v>
      </c>
      <c r="Y13" s="5">
        <v>128.06097865509869</v>
      </c>
      <c r="Z13" s="5">
        <v>641.01049928315547</v>
      </c>
      <c r="AA13" s="5">
        <v>143.72867671995201</v>
      </c>
      <c r="AB13" s="5">
        <v>1393.2335675682782</v>
      </c>
      <c r="AC13" s="5">
        <v>260.22341820405785</v>
      </c>
      <c r="AD13" s="6">
        <v>12187.271338038556</v>
      </c>
      <c r="AE13" s="5">
        <v>0.94842636535965941</v>
      </c>
      <c r="AF13" s="5">
        <v>120.57467576042019</v>
      </c>
      <c r="AG13" s="5">
        <v>425.29609390657657</v>
      </c>
      <c r="AH13" s="5">
        <v>430.84526218577179</v>
      </c>
    </row>
    <row r="14" spans="1:34" x14ac:dyDescent="0.25">
      <c r="A14" s="4" t="s">
        <v>284</v>
      </c>
      <c r="B14" s="4" t="s">
        <v>285</v>
      </c>
      <c r="C14" s="4">
        <v>11</v>
      </c>
      <c r="D14" s="4" t="s">
        <v>1081</v>
      </c>
      <c r="E14" s="5" t="s">
        <v>286</v>
      </c>
      <c r="F14" s="6">
        <v>167026.38365698102</v>
      </c>
      <c r="G14" s="5">
        <v>764.20701789983741</v>
      </c>
      <c r="H14" s="5">
        <v>26.712417648402308</v>
      </c>
      <c r="I14" s="5">
        <v>329.60939198791755</v>
      </c>
      <c r="J14" s="5">
        <v>10.473539266486419</v>
      </c>
      <c r="K14" s="5">
        <v>11.758580087143191</v>
      </c>
      <c r="L14" s="5">
        <v>0.7239467806577552</v>
      </c>
      <c r="M14" s="6">
        <v>5116.8826455447424</v>
      </c>
      <c r="N14" s="5">
        <v>3.5844614588544199</v>
      </c>
      <c r="O14" s="5">
        <v>0.16962136459627308</v>
      </c>
      <c r="P14" s="5">
        <v>0.10223030740487357</v>
      </c>
      <c r="Q14" s="5">
        <v>63.830573829266427</v>
      </c>
      <c r="R14" s="5">
        <v>1.0413048561973455</v>
      </c>
      <c r="S14" s="5">
        <v>17.069530858417068</v>
      </c>
      <c r="T14" s="5">
        <v>30.904498408757821</v>
      </c>
      <c r="U14" s="5">
        <v>8.3299394761346353</v>
      </c>
      <c r="V14" s="5">
        <v>152.89355969258597</v>
      </c>
      <c r="W14" s="5">
        <v>47.362912545113666</v>
      </c>
      <c r="X14" s="5">
        <v>553.53655149379006</v>
      </c>
      <c r="Y14" s="5">
        <v>200.77279405563061</v>
      </c>
      <c r="Z14" s="5">
        <v>943.16984309617305</v>
      </c>
      <c r="AA14" s="5">
        <v>192.30339890197195</v>
      </c>
      <c r="AB14" s="5">
        <v>1765.3578086617267</v>
      </c>
      <c r="AC14" s="5">
        <v>337.67068461264785</v>
      </c>
      <c r="AD14" s="6">
        <v>10644.51353454679</v>
      </c>
      <c r="AE14" s="5">
        <v>1.1333204458603059</v>
      </c>
      <c r="AF14" s="5">
        <v>121.03864286752452</v>
      </c>
      <c r="AG14" s="5">
        <v>477.57242601491697</v>
      </c>
      <c r="AH14" s="5">
        <v>382.05854880660803</v>
      </c>
    </row>
    <row r="15" spans="1:34" x14ac:dyDescent="0.25">
      <c r="A15" s="4" t="s">
        <v>287</v>
      </c>
      <c r="B15" s="4" t="s">
        <v>288</v>
      </c>
      <c r="C15" s="4">
        <v>11</v>
      </c>
      <c r="D15" s="4" t="s">
        <v>1081</v>
      </c>
      <c r="E15" s="5">
        <v>0.62691044111355776</v>
      </c>
      <c r="F15" s="6">
        <v>175688.98690359166</v>
      </c>
      <c r="G15" s="5">
        <v>641.28537591863903</v>
      </c>
      <c r="H15" s="5" t="s">
        <v>289</v>
      </c>
      <c r="I15" s="5">
        <v>301.21317859530734</v>
      </c>
      <c r="J15" s="5">
        <v>10.977732657479581</v>
      </c>
      <c r="K15" s="5">
        <v>4.637568233268575</v>
      </c>
      <c r="L15" s="5">
        <v>0.33850775886799456</v>
      </c>
      <c r="M15" s="6">
        <v>1791.3438833398868</v>
      </c>
      <c r="N15" s="5">
        <v>2.7102388780942355</v>
      </c>
      <c r="O15" s="5" t="s">
        <v>290</v>
      </c>
      <c r="P15" s="5">
        <v>1.1105746294382655E-2</v>
      </c>
      <c r="Q15" s="5">
        <v>44.182289400693577</v>
      </c>
      <c r="R15" s="5">
        <v>0.20522846822121854</v>
      </c>
      <c r="S15" s="5">
        <v>4.0554389447379862</v>
      </c>
      <c r="T15" s="5">
        <v>7.4248324645380297</v>
      </c>
      <c r="U15" s="5">
        <v>2.075690620765327</v>
      </c>
      <c r="V15" s="5">
        <v>38.823644365000263</v>
      </c>
      <c r="W15" s="5">
        <v>13.058096531601707</v>
      </c>
      <c r="X15" s="5">
        <v>168.55754135275043</v>
      </c>
      <c r="Y15" s="5">
        <v>66.082709816093214</v>
      </c>
      <c r="Z15" s="5">
        <v>333.07772476804854</v>
      </c>
      <c r="AA15" s="5">
        <v>72.091225237429512</v>
      </c>
      <c r="AB15" s="5">
        <v>692.17335558918137</v>
      </c>
      <c r="AC15" s="5">
        <v>138.86295550990906</v>
      </c>
      <c r="AD15" s="6">
        <v>11644.740643393419</v>
      </c>
      <c r="AE15" s="5">
        <v>1.0288062775213969</v>
      </c>
      <c r="AF15" s="5">
        <v>125.53924166243071</v>
      </c>
      <c r="AG15" s="5">
        <v>461.18970039297909</v>
      </c>
      <c r="AH15" s="5">
        <v>381.06493348147325</v>
      </c>
    </row>
    <row r="16" spans="1:34" x14ac:dyDescent="0.25">
      <c r="A16" s="4" t="s">
        <v>291</v>
      </c>
      <c r="B16" s="4" t="s">
        <v>292</v>
      </c>
      <c r="C16" s="4">
        <v>12</v>
      </c>
      <c r="D16" s="4" t="s">
        <v>1081</v>
      </c>
      <c r="E16" s="5">
        <v>1.2171651275372497</v>
      </c>
      <c r="F16" s="6">
        <v>177246.21511320682</v>
      </c>
      <c r="G16" s="5">
        <v>448.80265794874663</v>
      </c>
      <c r="H16" s="5">
        <v>21.848310395570582</v>
      </c>
      <c r="I16" s="5">
        <v>277.28408061135002</v>
      </c>
      <c r="J16" s="5">
        <v>7.0210649446817088</v>
      </c>
      <c r="K16" s="5">
        <v>14.070015628925596</v>
      </c>
      <c r="L16" s="5">
        <v>0.42143665685427684</v>
      </c>
      <c r="M16" s="6">
        <v>2712.447570924357</v>
      </c>
      <c r="N16" s="5">
        <v>1.618393402056858</v>
      </c>
      <c r="O16" s="5" t="s">
        <v>293</v>
      </c>
      <c r="P16" s="5">
        <v>9.8326709661751416E-2</v>
      </c>
      <c r="Q16" s="5">
        <v>36.523784436524501</v>
      </c>
      <c r="R16" s="5">
        <v>0.55643951971504524</v>
      </c>
      <c r="S16" s="5">
        <v>8.4720531201096954</v>
      </c>
      <c r="T16" s="5">
        <v>15.368731974140157</v>
      </c>
      <c r="U16" s="5">
        <v>3.7162035985846602</v>
      </c>
      <c r="V16" s="5">
        <v>69.136630746800492</v>
      </c>
      <c r="W16" s="5">
        <v>21.65757246558957</v>
      </c>
      <c r="X16" s="5">
        <v>269.18770342779362</v>
      </c>
      <c r="Y16" s="5">
        <v>101.81267077062105</v>
      </c>
      <c r="Z16" s="5">
        <v>501.57797747115166</v>
      </c>
      <c r="AA16" s="5">
        <v>107.74597211837839</v>
      </c>
      <c r="AB16" s="5">
        <v>1023.3937970562135</v>
      </c>
      <c r="AC16" s="5">
        <v>203.50456513570452</v>
      </c>
      <c r="AD16" s="6">
        <v>12203.103110927865</v>
      </c>
      <c r="AE16" s="5">
        <v>0.70563640418614548</v>
      </c>
      <c r="AF16" s="5">
        <v>73.1297406745839</v>
      </c>
      <c r="AG16" s="5">
        <v>269.39026111677919</v>
      </c>
      <c r="AH16" s="5">
        <v>270.52591650651175</v>
      </c>
    </row>
    <row r="17" spans="1:34" x14ac:dyDescent="0.25">
      <c r="A17" s="4" t="s">
        <v>294</v>
      </c>
      <c r="B17" s="4" t="s">
        <v>295</v>
      </c>
      <c r="C17" s="4">
        <v>13</v>
      </c>
      <c r="D17" s="4" t="s">
        <v>1081</v>
      </c>
      <c r="E17" s="5" t="s">
        <v>296</v>
      </c>
      <c r="F17" s="6">
        <v>167251.63341364067</v>
      </c>
      <c r="G17" s="5">
        <v>510.50790308796854</v>
      </c>
      <c r="H17" s="5" t="s">
        <v>297</v>
      </c>
      <c r="I17" s="5">
        <v>280.61846508369808</v>
      </c>
      <c r="J17" s="5">
        <v>7.8478720304503335</v>
      </c>
      <c r="K17" s="5">
        <v>15.207093341880528</v>
      </c>
      <c r="L17" s="5">
        <v>0.46552338049873709</v>
      </c>
      <c r="M17" s="6">
        <v>3375.1065684230093</v>
      </c>
      <c r="N17" s="5">
        <v>2.0359709992486672</v>
      </c>
      <c r="O17" s="5" t="s">
        <v>298</v>
      </c>
      <c r="P17" s="5">
        <v>3.5351253810066346E-2</v>
      </c>
      <c r="Q17" s="5">
        <v>43.118859911845405</v>
      </c>
      <c r="R17" s="5">
        <v>0.63620223273690368</v>
      </c>
      <c r="S17" s="5">
        <v>10.662780181762937</v>
      </c>
      <c r="T17" s="5">
        <v>18.169010950870227</v>
      </c>
      <c r="U17" s="5">
        <v>4.5498932342483123</v>
      </c>
      <c r="V17" s="5">
        <v>87.826460715449699</v>
      </c>
      <c r="W17" s="5">
        <v>27.262338696004864</v>
      </c>
      <c r="X17" s="5">
        <v>336.39704079061119</v>
      </c>
      <c r="Y17" s="5">
        <v>126.19600489904121</v>
      </c>
      <c r="Z17" s="5">
        <v>615.95164457291366</v>
      </c>
      <c r="AA17" s="5">
        <v>129.36648290993503</v>
      </c>
      <c r="AB17" s="5">
        <v>1213.9922879224453</v>
      </c>
      <c r="AC17" s="5">
        <v>241.4429295986902</v>
      </c>
      <c r="AD17" s="6">
        <v>11694.991453055607</v>
      </c>
      <c r="AE17" s="5">
        <v>0.82531566617158236</v>
      </c>
      <c r="AF17" s="5">
        <v>89.578028382383479</v>
      </c>
      <c r="AG17" s="5">
        <v>349.46739284192523</v>
      </c>
      <c r="AH17" s="5">
        <v>321.19080939472013</v>
      </c>
    </row>
    <row r="18" spans="1:34" x14ac:dyDescent="0.25">
      <c r="A18" s="4" t="s">
        <v>304</v>
      </c>
      <c r="B18" s="4" t="s">
        <v>305</v>
      </c>
      <c r="C18" s="4">
        <v>15</v>
      </c>
      <c r="D18" s="4" t="s">
        <v>1081</v>
      </c>
      <c r="E18" s="5" t="s">
        <v>306</v>
      </c>
      <c r="F18" s="6">
        <v>171770.23646357813</v>
      </c>
      <c r="G18" s="5">
        <v>347.67343026516079</v>
      </c>
      <c r="H18" s="5">
        <v>25.214484568277573</v>
      </c>
      <c r="I18" s="5">
        <v>278.96824136788069</v>
      </c>
      <c r="J18" s="5">
        <v>6.9839277361063168</v>
      </c>
      <c r="K18" s="5">
        <v>21.927891801908292</v>
      </c>
      <c r="L18" s="5">
        <v>0.3483413386878137</v>
      </c>
      <c r="M18" s="6">
        <v>1943.7997150945575</v>
      </c>
      <c r="N18" s="5">
        <v>1.0710022759469899</v>
      </c>
      <c r="O18" s="5" t="s">
        <v>307</v>
      </c>
      <c r="P18" s="5">
        <v>5.9279910761424271E-3</v>
      </c>
      <c r="Q18" s="5">
        <v>28.477400100116096</v>
      </c>
      <c r="R18" s="5">
        <v>0.23270697133436</v>
      </c>
      <c r="S18" s="5">
        <v>4.884611304028029</v>
      </c>
      <c r="T18" s="5">
        <v>10.273734602424486</v>
      </c>
      <c r="U18" s="5">
        <v>2.7416408813410293</v>
      </c>
      <c r="V18" s="5">
        <v>50.757954226665923</v>
      </c>
      <c r="W18" s="5">
        <v>15.760262044311251</v>
      </c>
      <c r="X18" s="5">
        <v>189.66061891297065</v>
      </c>
      <c r="Y18" s="5">
        <v>71.410329587658183</v>
      </c>
      <c r="Z18" s="5">
        <v>350.55624512153099</v>
      </c>
      <c r="AA18" s="5">
        <v>74.531557290004983</v>
      </c>
      <c r="AB18" s="5">
        <v>700.46594319190865</v>
      </c>
      <c r="AC18" s="5">
        <v>141.00430027550433</v>
      </c>
      <c r="AD18" s="6">
        <v>11966.428991920946</v>
      </c>
      <c r="AE18" s="5">
        <v>0.50677227142782078</v>
      </c>
      <c r="AF18" s="5">
        <v>38.754780950646847</v>
      </c>
      <c r="AG18" s="5">
        <v>149.38920494933362</v>
      </c>
      <c r="AH18" s="5">
        <v>161.63548159547969</v>
      </c>
    </row>
    <row r="19" spans="1:34" x14ac:dyDescent="0.25">
      <c r="A19" s="4" t="s">
        <v>308</v>
      </c>
      <c r="B19" s="4" t="s">
        <v>309</v>
      </c>
      <c r="C19" s="4">
        <v>15</v>
      </c>
      <c r="D19" s="4" t="s">
        <v>1081</v>
      </c>
      <c r="E19" s="5">
        <v>2.3334776356671503</v>
      </c>
      <c r="F19" s="6">
        <v>173000.29997720089</v>
      </c>
      <c r="G19" s="5">
        <v>426.10390493923228</v>
      </c>
      <c r="H19" s="5" t="s">
        <v>310</v>
      </c>
      <c r="I19" s="5">
        <v>295.41988533819756</v>
      </c>
      <c r="J19" s="5">
        <v>10.626426967435272</v>
      </c>
      <c r="K19" s="5">
        <v>17.650566273523069</v>
      </c>
      <c r="L19" s="5">
        <v>0.3840874570231374</v>
      </c>
      <c r="M19" s="6">
        <v>2388.552081509426</v>
      </c>
      <c r="N19" s="5">
        <v>1.5292549160166753</v>
      </c>
      <c r="O19" s="5">
        <v>0.25218064757016279</v>
      </c>
      <c r="P19" s="5">
        <v>4.5114423247236662E-2</v>
      </c>
      <c r="Q19" s="5">
        <v>33.837831129953997</v>
      </c>
      <c r="R19" s="5">
        <v>0.43148627651812765</v>
      </c>
      <c r="S19" s="5">
        <v>7.7015099025944833</v>
      </c>
      <c r="T19" s="5">
        <v>14.375762382230532</v>
      </c>
      <c r="U19" s="5">
        <v>3.5956856981262919</v>
      </c>
      <c r="V19" s="5">
        <v>65.838212081469848</v>
      </c>
      <c r="W19" s="5">
        <v>20.207753326119462</v>
      </c>
      <c r="X19" s="5">
        <v>241.0184058995018</v>
      </c>
      <c r="Y19" s="5">
        <v>88.302969161367002</v>
      </c>
      <c r="Z19" s="5">
        <v>422.39092857124825</v>
      </c>
      <c r="AA19" s="5">
        <v>87.950858735086982</v>
      </c>
      <c r="AB19" s="5">
        <v>809.77588918704612</v>
      </c>
      <c r="AC19" s="5">
        <v>159.52529764101575</v>
      </c>
      <c r="AD19" s="6">
        <v>11130.490221155978</v>
      </c>
      <c r="AE19" s="5">
        <v>0.57260625354468864</v>
      </c>
      <c r="AF19" s="5">
        <v>51.532693322057959</v>
      </c>
      <c r="AG19" s="5">
        <v>181.62659270366049</v>
      </c>
      <c r="AH19" s="5">
        <v>180.37718811171044</v>
      </c>
    </row>
    <row r="20" spans="1:34" x14ac:dyDescent="0.25">
      <c r="A20" s="4" t="s">
        <v>317</v>
      </c>
      <c r="B20" s="4" t="s">
        <v>318</v>
      </c>
      <c r="C20" s="4">
        <v>17</v>
      </c>
      <c r="D20" s="4" t="s">
        <v>1081</v>
      </c>
      <c r="E20" s="5" t="s">
        <v>319</v>
      </c>
      <c r="F20" s="6">
        <v>169116.24407460244</v>
      </c>
      <c r="G20" s="5">
        <v>511.73369020695287</v>
      </c>
      <c r="H20" s="5">
        <v>29.213784140243103</v>
      </c>
      <c r="I20" s="5">
        <v>301.10557937524243</v>
      </c>
      <c r="J20" s="5">
        <v>9.3213021405209151</v>
      </c>
      <c r="K20" s="5">
        <v>5.8794639998940124</v>
      </c>
      <c r="L20" s="5">
        <v>0.41220190971870491</v>
      </c>
      <c r="M20" s="6">
        <v>3297.2312467302404</v>
      </c>
      <c r="N20" s="5">
        <v>2.0469932187788027</v>
      </c>
      <c r="O20" s="5">
        <v>0.18877957222338612</v>
      </c>
      <c r="P20" s="5">
        <v>3.4421510001905999E-2</v>
      </c>
      <c r="Q20" s="5">
        <v>39.808139969283928</v>
      </c>
      <c r="R20" s="5">
        <v>0.62807190911805377</v>
      </c>
      <c r="S20" s="5">
        <v>10.573687086227439</v>
      </c>
      <c r="T20" s="5">
        <v>19.084104955642687</v>
      </c>
      <c r="U20" s="5">
        <v>4.9299925989036302</v>
      </c>
      <c r="V20" s="5">
        <v>93.619215629412153</v>
      </c>
      <c r="W20" s="5">
        <v>28.339951059066717</v>
      </c>
      <c r="X20" s="5">
        <v>338.5586410726325</v>
      </c>
      <c r="Y20" s="5">
        <v>123.92973259846006</v>
      </c>
      <c r="Z20" s="5">
        <v>587.23679062224994</v>
      </c>
      <c r="AA20" s="5">
        <v>121.43021118218117</v>
      </c>
      <c r="AB20" s="5">
        <v>1106.4807049751694</v>
      </c>
      <c r="AC20" s="5">
        <v>216.63038885192287</v>
      </c>
      <c r="AD20" s="6">
        <v>10685.638001391204</v>
      </c>
      <c r="AE20" s="5">
        <v>0.77141676212798449</v>
      </c>
      <c r="AF20" s="5">
        <v>68.707771961872282</v>
      </c>
      <c r="AG20" s="5">
        <v>262.77458365704354</v>
      </c>
      <c r="AH20" s="5">
        <v>242.4222837087508</v>
      </c>
    </row>
    <row r="21" spans="1:34" x14ac:dyDescent="0.25">
      <c r="A21" s="4" t="s">
        <v>551</v>
      </c>
      <c r="B21" s="4" t="s">
        <v>552</v>
      </c>
      <c r="C21" s="4">
        <v>18</v>
      </c>
      <c r="D21" s="4" t="s">
        <v>1081</v>
      </c>
      <c r="E21" s="5">
        <v>1.8063692321662814</v>
      </c>
      <c r="F21" s="6">
        <v>199917.92032391211</v>
      </c>
      <c r="G21" s="5">
        <v>743.31453862478304</v>
      </c>
      <c r="H21" s="5">
        <v>68.471995512687329</v>
      </c>
      <c r="I21" s="5">
        <v>302.59166434058687</v>
      </c>
      <c r="J21" s="5">
        <v>8.2663467865318552</v>
      </c>
      <c r="K21" s="5">
        <v>27.592747334245878</v>
      </c>
      <c r="L21" s="5">
        <v>0.73299707143584691</v>
      </c>
      <c r="M21" s="6">
        <v>4057.6946066636265</v>
      </c>
      <c r="N21" s="5">
        <v>2.8592616041412744</v>
      </c>
      <c r="O21" s="5" t="s">
        <v>553</v>
      </c>
      <c r="P21" s="5">
        <v>8.7825480244649298E-2</v>
      </c>
      <c r="Q21" s="5">
        <v>56.167801890360913</v>
      </c>
      <c r="R21" s="5">
        <v>0.88802682151683765</v>
      </c>
      <c r="S21" s="5">
        <v>14.382186655446301</v>
      </c>
      <c r="T21" s="5">
        <v>23.825101155669419</v>
      </c>
      <c r="U21" s="5">
        <v>6.2096020047870137</v>
      </c>
      <c r="V21" s="5">
        <v>110.64794782424795</v>
      </c>
      <c r="W21" s="5">
        <v>36.029981006819447</v>
      </c>
      <c r="X21" s="5">
        <v>445.59007752057386</v>
      </c>
      <c r="Y21" s="5">
        <v>165.28676114556072</v>
      </c>
      <c r="Z21" s="5">
        <v>798.11784478465802</v>
      </c>
      <c r="AA21" s="5">
        <v>174.72547668469025</v>
      </c>
      <c r="AB21" s="5">
        <v>1684.1811423640263</v>
      </c>
      <c r="AC21" s="5">
        <v>306.739937033785</v>
      </c>
      <c r="AD21" s="6">
        <v>12220.635140458726</v>
      </c>
      <c r="AE21" s="5">
        <v>1.1353017143469746</v>
      </c>
      <c r="AF21" s="5">
        <v>145.40566833465243</v>
      </c>
      <c r="AG21" s="5">
        <v>509.95909980667943</v>
      </c>
      <c r="AH21" s="5">
        <v>476.27039606752169</v>
      </c>
    </row>
    <row r="22" spans="1:34" x14ac:dyDescent="0.25">
      <c r="A22" s="4" t="s">
        <v>246</v>
      </c>
      <c r="B22" s="4" t="s">
        <v>247</v>
      </c>
      <c r="C22" s="4">
        <v>1</v>
      </c>
      <c r="D22" s="4" t="s">
        <v>1081</v>
      </c>
      <c r="E22" s="5">
        <v>2.0600886717894578</v>
      </c>
      <c r="F22" s="6">
        <v>180880.90702498678</v>
      </c>
      <c r="G22" s="5">
        <v>393.93899024920364</v>
      </c>
      <c r="H22" s="5">
        <v>22.141818287727421</v>
      </c>
      <c r="I22" s="5">
        <v>272.03989594836179</v>
      </c>
      <c r="J22" s="5">
        <v>6.1301021115564733</v>
      </c>
      <c r="K22" s="5">
        <v>23.68643354899973</v>
      </c>
      <c r="L22" s="5">
        <v>0.35505856605835162</v>
      </c>
      <c r="M22" s="6">
        <v>2256.1440964115563</v>
      </c>
      <c r="N22" s="5">
        <v>1.3464541329299269</v>
      </c>
      <c r="O22" s="5">
        <v>0.21762025519904143</v>
      </c>
      <c r="P22" s="5">
        <v>5.0378222924472083E-2</v>
      </c>
      <c r="Q22" s="5">
        <v>35.707146834540836</v>
      </c>
      <c r="R22" s="5">
        <v>0.40903039758141341</v>
      </c>
      <c r="S22" s="5">
        <v>6.4519508278144722</v>
      </c>
      <c r="T22" s="5">
        <v>12.479331185342961</v>
      </c>
      <c r="U22" s="5">
        <v>2.8407831912112145</v>
      </c>
      <c r="V22" s="5">
        <v>55.274858442425639</v>
      </c>
      <c r="W22" s="5">
        <v>17.30510103146139</v>
      </c>
      <c r="X22" s="5">
        <v>215.25519358549744</v>
      </c>
      <c r="Y22" s="5">
        <v>82.588209660136343</v>
      </c>
      <c r="Z22" s="5">
        <v>413.75947728899007</v>
      </c>
      <c r="AA22" s="5">
        <v>89.052622496893832</v>
      </c>
      <c r="AB22" s="5">
        <v>861.73590809738403</v>
      </c>
      <c r="AC22" s="5">
        <v>172.73417234283104</v>
      </c>
      <c r="AD22" s="6">
        <v>12292.309930425736</v>
      </c>
      <c r="AE22" s="5">
        <v>0.65038019659692359</v>
      </c>
      <c r="AF22" s="5">
        <v>64.409089756169095</v>
      </c>
      <c r="AG22" s="5">
        <v>233.03912379269454</v>
      </c>
      <c r="AH22" s="5">
        <v>247.82211610108945</v>
      </c>
    </row>
    <row r="23" spans="1:34" x14ac:dyDescent="0.25">
      <c r="A23" s="4" t="s">
        <v>554</v>
      </c>
      <c r="B23" s="4" t="s">
        <v>555</v>
      </c>
      <c r="C23" s="4">
        <v>20</v>
      </c>
      <c r="D23" s="4" t="s">
        <v>1081</v>
      </c>
      <c r="E23" s="5" t="s">
        <v>556</v>
      </c>
      <c r="F23" s="6">
        <v>206392.58963191317</v>
      </c>
      <c r="G23" s="5">
        <v>965.55310015596694</v>
      </c>
      <c r="H23" s="5">
        <v>82.466313516513935</v>
      </c>
      <c r="I23" s="5">
        <v>362.05936842025528</v>
      </c>
      <c r="J23" s="5">
        <v>11.766934465615064</v>
      </c>
      <c r="K23" s="5" t="s">
        <v>557</v>
      </c>
      <c r="L23" s="5">
        <v>0.49198237292167202</v>
      </c>
      <c r="M23" s="6">
        <v>2742.0106854321566</v>
      </c>
      <c r="N23" s="5">
        <v>5.5027218652429717</v>
      </c>
      <c r="O23" s="5" t="s">
        <v>558</v>
      </c>
      <c r="P23" s="5">
        <v>2.0766752912065211E-2</v>
      </c>
      <c r="Q23" s="5">
        <v>85.032456891674073</v>
      </c>
      <c r="R23" s="5">
        <v>0.43975679510307258</v>
      </c>
      <c r="S23" s="5">
        <v>7.7280333907158356</v>
      </c>
      <c r="T23" s="5">
        <v>14.437697610681843</v>
      </c>
      <c r="U23" s="5">
        <v>3.8601771722759284</v>
      </c>
      <c r="V23" s="5">
        <v>69.540233660018572</v>
      </c>
      <c r="W23" s="5">
        <v>23.44399940889414</v>
      </c>
      <c r="X23" s="5">
        <v>308.60741838556487</v>
      </c>
      <c r="Y23" s="5">
        <v>117.7327651797751</v>
      </c>
      <c r="Z23" s="5">
        <v>575.61691570644803</v>
      </c>
      <c r="AA23" s="5">
        <v>132.19335083307436</v>
      </c>
      <c r="AB23" s="5">
        <v>1290.5626882078325</v>
      </c>
      <c r="AC23" s="5">
        <v>219.71743676843786</v>
      </c>
      <c r="AD23" s="6">
        <v>11921.577085964704</v>
      </c>
      <c r="AE23" s="5">
        <v>1.5142790216001691</v>
      </c>
      <c r="AF23" s="5">
        <v>158.15182893846901</v>
      </c>
      <c r="AG23" s="5">
        <v>536.74652800659703</v>
      </c>
      <c r="AH23" s="5">
        <v>487.91750037149814</v>
      </c>
    </row>
    <row r="24" spans="1:34" x14ac:dyDescent="0.25">
      <c r="A24" s="4" t="s">
        <v>559</v>
      </c>
      <c r="B24" s="4" t="s">
        <v>560</v>
      </c>
      <c r="C24" s="4">
        <v>21</v>
      </c>
      <c r="D24" s="4" t="s">
        <v>1081</v>
      </c>
      <c r="E24" s="5">
        <v>11.431804774361687</v>
      </c>
      <c r="F24" s="6">
        <v>205716.80240158021</v>
      </c>
      <c r="G24" s="5">
        <v>685.32788287868073</v>
      </c>
      <c r="H24" s="5">
        <v>83.492137084036159</v>
      </c>
      <c r="I24" s="5">
        <v>305.57282054068179</v>
      </c>
      <c r="J24" s="5">
        <v>8.2061548948865966</v>
      </c>
      <c r="K24" s="5">
        <v>55.175827698556581</v>
      </c>
      <c r="L24" s="5">
        <v>0.63155368065571627</v>
      </c>
      <c r="M24" s="6">
        <v>2834.8416520581463</v>
      </c>
      <c r="N24" s="5">
        <v>2.0083813309448746</v>
      </c>
      <c r="O24" s="5">
        <v>0.22659135014152176</v>
      </c>
      <c r="P24" s="5">
        <v>0.18263776834084547</v>
      </c>
      <c r="Q24" s="5">
        <v>45.814710301515603</v>
      </c>
      <c r="R24" s="5">
        <v>0.78526367040647516</v>
      </c>
      <c r="S24" s="5">
        <v>11.282507336865633</v>
      </c>
      <c r="T24" s="5">
        <v>18.652808111103436</v>
      </c>
      <c r="U24" s="5">
        <v>4.6046136685704155</v>
      </c>
      <c r="V24" s="5">
        <v>79.61337580802801</v>
      </c>
      <c r="W24" s="5">
        <v>25.408272262487017</v>
      </c>
      <c r="X24" s="5">
        <v>322.30478260074926</v>
      </c>
      <c r="Y24" s="5">
        <v>118.29193599915006</v>
      </c>
      <c r="Z24" s="5">
        <v>586.66599576875103</v>
      </c>
      <c r="AA24" s="5">
        <v>134.13066219116735</v>
      </c>
      <c r="AB24" s="5">
        <v>1357.3212019661119</v>
      </c>
      <c r="AC24" s="5">
        <v>233.96572377572045</v>
      </c>
      <c r="AD24" s="6">
        <v>13298.81365831491</v>
      </c>
      <c r="AE24" s="5">
        <v>0.93077997727315087</v>
      </c>
      <c r="AF24" s="5">
        <v>112.60670393546756</v>
      </c>
      <c r="AG24" s="5">
        <v>380.4824729273476</v>
      </c>
      <c r="AH24" s="5">
        <v>412.80085464635152</v>
      </c>
    </row>
    <row r="25" spans="1:34" x14ac:dyDescent="0.25">
      <c r="A25" s="4" t="s">
        <v>561</v>
      </c>
      <c r="B25" s="4" t="s">
        <v>562</v>
      </c>
      <c r="C25" s="4">
        <v>22</v>
      </c>
      <c r="D25" s="4" t="s">
        <v>1081</v>
      </c>
      <c r="E25" s="5" t="s">
        <v>563</v>
      </c>
      <c r="F25" s="6">
        <v>223586.93245557079</v>
      </c>
      <c r="G25" s="5">
        <v>954.24394488215478</v>
      </c>
      <c r="H25" s="5">
        <v>87.303439183950132</v>
      </c>
      <c r="I25" s="5">
        <v>349.16064835265291</v>
      </c>
      <c r="J25" s="5">
        <v>10.054106309762194</v>
      </c>
      <c r="K25" s="5" t="s">
        <v>564</v>
      </c>
      <c r="L25" s="5">
        <v>0.48258462566584909</v>
      </c>
      <c r="M25" s="6">
        <v>2785.9108623405477</v>
      </c>
      <c r="N25" s="5">
        <v>4.2931813705370114</v>
      </c>
      <c r="O25" s="5" t="s">
        <v>565</v>
      </c>
      <c r="P25" s="5">
        <v>9.045129285374158E-2</v>
      </c>
      <c r="Q25" s="5">
        <v>69.166727010056078</v>
      </c>
      <c r="R25" s="5">
        <v>0.44069795546188367</v>
      </c>
      <c r="S25" s="5">
        <v>7.8398911909910813</v>
      </c>
      <c r="T25" s="5">
        <v>14.214448589497691</v>
      </c>
      <c r="U25" s="5">
        <v>3.9141653147846709</v>
      </c>
      <c r="V25" s="5">
        <v>70.263232251506778</v>
      </c>
      <c r="W25" s="5">
        <v>23.522083232563748</v>
      </c>
      <c r="X25" s="5">
        <v>303.51841546915784</v>
      </c>
      <c r="Y25" s="5">
        <v>115.10561545242597</v>
      </c>
      <c r="Z25" s="5">
        <v>573.05466176666971</v>
      </c>
      <c r="AA25" s="5">
        <v>127.05652544141337</v>
      </c>
      <c r="AB25" s="5">
        <v>1249.0659067346367</v>
      </c>
      <c r="AC25" s="5">
        <v>227.11053213872805</v>
      </c>
      <c r="AD25" s="6">
        <v>12355.912879673868</v>
      </c>
      <c r="AE25" s="5">
        <v>1.326515994164126</v>
      </c>
      <c r="AF25" s="5">
        <v>129.5306771956424</v>
      </c>
      <c r="AG25" s="5">
        <v>420.9339301835368</v>
      </c>
      <c r="AH25" s="5">
        <v>417.39340892281393</v>
      </c>
    </row>
    <row r="26" spans="1:34" x14ac:dyDescent="0.25">
      <c r="A26" s="4" t="s">
        <v>571</v>
      </c>
      <c r="B26" s="4" t="s">
        <v>572</v>
      </c>
      <c r="C26" s="4">
        <v>23</v>
      </c>
      <c r="D26" s="4" t="s">
        <v>1081</v>
      </c>
      <c r="E26" s="5" t="s">
        <v>573</v>
      </c>
      <c r="F26" s="6">
        <v>207484.66164990939</v>
      </c>
      <c r="G26" s="5">
        <v>982.00577642170242</v>
      </c>
      <c r="H26" s="5">
        <v>85.814283746165842</v>
      </c>
      <c r="I26" s="5">
        <v>342.48786754574763</v>
      </c>
      <c r="J26" s="5">
        <v>10.553237772874079</v>
      </c>
      <c r="K26" s="5">
        <v>63.32944690892468</v>
      </c>
      <c r="L26" s="5">
        <v>0.74090360341423045</v>
      </c>
      <c r="M26" s="6">
        <v>4979.0380876487088</v>
      </c>
      <c r="N26" s="5">
        <v>3.4095952816093722</v>
      </c>
      <c r="O26" s="5" t="s">
        <v>574</v>
      </c>
      <c r="P26" s="5">
        <v>9.0553706804503017E-2</v>
      </c>
      <c r="Q26" s="5">
        <v>66.692433946931601</v>
      </c>
      <c r="R26" s="5">
        <v>1.1764134551517271</v>
      </c>
      <c r="S26" s="5">
        <v>18.219766171700687</v>
      </c>
      <c r="T26" s="5">
        <v>32.236535654769682</v>
      </c>
      <c r="U26" s="5">
        <v>8.5007166094803761</v>
      </c>
      <c r="V26" s="5">
        <v>156.62008369368749</v>
      </c>
      <c r="W26" s="5">
        <v>49.972315796149886</v>
      </c>
      <c r="X26" s="5">
        <v>603.42961659038087</v>
      </c>
      <c r="Y26" s="5">
        <v>215.68390588697653</v>
      </c>
      <c r="Z26" s="5">
        <v>1002.1202980243787</v>
      </c>
      <c r="AA26" s="5">
        <v>214.58024911090286</v>
      </c>
      <c r="AB26" s="5">
        <v>2028.3194639843191</v>
      </c>
      <c r="AC26" s="5">
        <v>353.56933235806031</v>
      </c>
      <c r="AD26" s="6">
        <v>11518.678706337738</v>
      </c>
      <c r="AE26" s="5">
        <v>1.2985034288879145</v>
      </c>
      <c r="AF26" s="5">
        <v>165.92314862559394</v>
      </c>
      <c r="AG26" s="5">
        <v>560.08085021935506</v>
      </c>
      <c r="AH26" s="5">
        <v>487.73623938207328</v>
      </c>
    </row>
    <row r="27" spans="1:34" x14ac:dyDescent="0.25">
      <c r="A27" s="4" t="s">
        <v>578</v>
      </c>
      <c r="B27" s="4" t="s">
        <v>579</v>
      </c>
      <c r="C27" s="4">
        <v>25</v>
      </c>
      <c r="D27" s="4" t="s">
        <v>1081</v>
      </c>
      <c r="E27" s="5" t="s">
        <v>580</v>
      </c>
      <c r="F27" s="6">
        <v>209832.31192764366</v>
      </c>
      <c r="G27" s="5">
        <v>608.17154769937133</v>
      </c>
      <c r="H27" s="5">
        <v>94.29329613691759</v>
      </c>
      <c r="I27" s="5">
        <v>304.08222641685148</v>
      </c>
      <c r="J27" s="5">
        <v>7.8038797528149191</v>
      </c>
      <c r="K27" s="5">
        <v>39.053385720465691</v>
      </c>
      <c r="L27" s="5">
        <v>12.032097386280315</v>
      </c>
      <c r="M27" s="6">
        <v>2984.6238030172144</v>
      </c>
      <c r="N27" s="5">
        <v>2.0202479699849434</v>
      </c>
      <c r="O27" s="5" t="s">
        <v>581</v>
      </c>
      <c r="P27" s="5">
        <v>2.7185078279168867E-2</v>
      </c>
      <c r="Q27" s="5">
        <v>41.637199150980102</v>
      </c>
      <c r="R27" s="5">
        <v>0.55058123875640907</v>
      </c>
      <c r="S27" s="5">
        <v>10.63410273250944</v>
      </c>
      <c r="T27" s="5">
        <v>18.885240839839415</v>
      </c>
      <c r="U27" s="5">
        <v>4.7881448430949556</v>
      </c>
      <c r="V27" s="5">
        <v>88.534838880538629</v>
      </c>
      <c r="W27" s="5">
        <v>27.78298176708649</v>
      </c>
      <c r="X27" s="5">
        <v>333.41797222788716</v>
      </c>
      <c r="Y27" s="5">
        <v>123.30370502709364</v>
      </c>
      <c r="Z27" s="5">
        <v>600.59119013948839</v>
      </c>
      <c r="AA27" s="5">
        <v>131.60046221494906</v>
      </c>
      <c r="AB27" s="5">
        <v>1289.6959348772339</v>
      </c>
      <c r="AC27" s="5">
        <v>231.63172941597665</v>
      </c>
      <c r="AD27" s="6">
        <v>12543.766294614648</v>
      </c>
      <c r="AE27" s="5">
        <v>0.82560156556579256</v>
      </c>
      <c r="AF27" s="5">
        <v>96.763276870982011</v>
      </c>
      <c r="AG27" s="5">
        <v>327.60219494504594</v>
      </c>
      <c r="AH27" s="5">
        <v>337.97559016077861</v>
      </c>
    </row>
    <row r="28" spans="1:34" x14ac:dyDescent="0.25">
      <c r="A28" s="4" t="s">
        <v>582</v>
      </c>
      <c r="B28" s="4" t="s">
        <v>583</v>
      </c>
      <c r="C28" s="4">
        <v>25</v>
      </c>
      <c r="D28" s="4" t="s">
        <v>1081</v>
      </c>
      <c r="E28" s="5" t="s">
        <v>584</v>
      </c>
      <c r="F28" s="6">
        <v>212582.90073380599</v>
      </c>
      <c r="G28" s="5">
        <v>922.08207533705661</v>
      </c>
      <c r="H28" s="5">
        <v>96.150784995145216</v>
      </c>
      <c r="I28" s="5">
        <v>296.570936155634</v>
      </c>
      <c r="J28" s="5">
        <v>5.4406125971941224</v>
      </c>
      <c r="K28" s="5">
        <v>75.976750707827819</v>
      </c>
      <c r="L28" s="5">
        <v>0.66981639312896624</v>
      </c>
      <c r="M28" s="6">
        <v>3455.3895928779307</v>
      </c>
      <c r="N28" s="5">
        <v>2.4075659002456278</v>
      </c>
      <c r="O28" s="5" t="s">
        <v>585</v>
      </c>
      <c r="P28" s="5">
        <v>3.6702370380522015E-2</v>
      </c>
      <c r="Q28" s="5">
        <v>53.475591068442462</v>
      </c>
      <c r="R28" s="5">
        <v>0.65711996441859899</v>
      </c>
      <c r="S28" s="5">
        <v>12.260338139647939</v>
      </c>
      <c r="T28" s="5">
        <v>19.321823614967816</v>
      </c>
      <c r="U28" s="5">
        <v>4.8520943877130289</v>
      </c>
      <c r="V28" s="5">
        <v>89.870351027748796</v>
      </c>
      <c r="W28" s="5">
        <v>28.168453419446486</v>
      </c>
      <c r="X28" s="5">
        <v>364.30146565373116</v>
      </c>
      <c r="Y28" s="5">
        <v>137.06495907956102</v>
      </c>
      <c r="Z28" s="5">
        <v>685.69280855745842</v>
      </c>
      <c r="AA28" s="5">
        <v>154.56915635328352</v>
      </c>
      <c r="AB28" s="5">
        <v>1522.0152728131534</v>
      </c>
      <c r="AC28" s="5">
        <v>288.57919288047509</v>
      </c>
      <c r="AD28" s="6">
        <v>13429.313941583423</v>
      </c>
      <c r="AE28" s="5">
        <v>1.1218269501228186</v>
      </c>
      <c r="AF28" s="5">
        <v>162.80877734265161</v>
      </c>
      <c r="AG28" s="5">
        <v>512.12619279310422</v>
      </c>
      <c r="AH28" s="5">
        <v>502.71084720030797</v>
      </c>
    </row>
    <row r="29" spans="1:34" x14ac:dyDescent="0.25">
      <c r="A29" s="4" t="s">
        <v>586</v>
      </c>
      <c r="B29" s="4" t="s">
        <v>587</v>
      </c>
      <c r="C29" s="4">
        <v>26</v>
      </c>
      <c r="D29" s="4" t="s">
        <v>1081</v>
      </c>
      <c r="E29" s="5">
        <v>0.89714703327412393</v>
      </c>
      <c r="F29" s="6">
        <v>207548.51380407449</v>
      </c>
      <c r="G29" s="5">
        <v>1058.151535291154</v>
      </c>
      <c r="H29" s="5">
        <v>74.815898082652595</v>
      </c>
      <c r="I29" s="5">
        <v>348.42918554409459</v>
      </c>
      <c r="J29" s="5">
        <v>10.315183103836826</v>
      </c>
      <c r="K29" s="5">
        <v>16.09912096182433</v>
      </c>
      <c r="L29" s="5">
        <v>0.62389271168552607</v>
      </c>
      <c r="M29" s="6">
        <v>2955.3616394581372</v>
      </c>
      <c r="N29" s="5">
        <v>6.8817095990020993</v>
      </c>
      <c r="O29" s="5" t="s">
        <v>588</v>
      </c>
      <c r="P29" s="5">
        <v>3.6912474096808354E-2</v>
      </c>
      <c r="Q29" s="5">
        <v>101.23746948483522</v>
      </c>
      <c r="R29" s="5">
        <v>0.42307226378712071</v>
      </c>
      <c r="S29" s="5">
        <v>7.5698808896834215</v>
      </c>
      <c r="T29" s="5">
        <v>13.96440714581315</v>
      </c>
      <c r="U29" s="5">
        <v>3.7232671345975703</v>
      </c>
      <c r="V29" s="5">
        <v>70.186014126712593</v>
      </c>
      <c r="W29" s="5">
        <v>23.530276160034429</v>
      </c>
      <c r="X29" s="5">
        <v>307.67303986184305</v>
      </c>
      <c r="Y29" s="5">
        <v>118.13444794877988</v>
      </c>
      <c r="Z29" s="5">
        <v>586.73927682909698</v>
      </c>
      <c r="AA29" s="5">
        <v>132.13541448682014</v>
      </c>
      <c r="AB29" s="5">
        <v>1295.1481338248836</v>
      </c>
      <c r="AC29" s="5">
        <v>234.88971827105814</v>
      </c>
      <c r="AD29" s="6">
        <v>12553.321225371261</v>
      </c>
      <c r="AE29" s="5">
        <v>2.0135230823165586</v>
      </c>
      <c r="AF29" s="5">
        <v>393.03987537219751</v>
      </c>
      <c r="AG29" s="5">
        <v>1343.0324268132556</v>
      </c>
      <c r="AH29" s="5">
        <v>873.99275103400271</v>
      </c>
    </row>
    <row r="30" spans="1:34" x14ac:dyDescent="0.25">
      <c r="A30" s="4" t="s">
        <v>593</v>
      </c>
      <c r="B30" s="4" t="s">
        <v>594</v>
      </c>
      <c r="C30" s="4">
        <v>27</v>
      </c>
      <c r="D30" s="4" t="s">
        <v>1081</v>
      </c>
      <c r="E30" s="5" t="s">
        <v>595</v>
      </c>
      <c r="F30" s="6">
        <v>197382.66560901553</v>
      </c>
      <c r="G30" s="5">
        <v>773.76382515842215</v>
      </c>
      <c r="H30" s="5">
        <v>64.119142316294472</v>
      </c>
      <c r="I30" s="5">
        <v>294.92980786116618</v>
      </c>
      <c r="J30" s="5">
        <v>6.3877994476223332</v>
      </c>
      <c r="K30" s="5">
        <v>37.758787734296739</v>
      </c>
      <c r="L30" s="5">
        <v>0.77120145756770775</v>
      </c>
      <c r="M30" s="6">
        <v>4190.4661582205481</v>
      </c>
      <c r="N30" s="5">
        <v>3.1178101190444187</v>
      </c>
      <c r="O30" s="5" t="s">
        <v>596</v>
      </c>
      <c r="P30" s="5">
        <v>5.0492753144671665E-2</v>
      </c>
      <c r="Q30" s="5">
        <v>62.501508240808128</v>
      </c>
      <c r="R30" s="5">
        <v>0.88671391375659259</v>
      </c>
      <c r="S30" s="5">
        <v>14.482390222133075</v>
      </c>
      <c r="T30" s="5">
        <v>23.513633855872829</v>
      </c>
      <c r="U30" s="5">
        <v>5.8107712582371134</v>
      </c>
      <c r="V30" s="5">
        <v>106.86547724739505</v>
      </c>
      <c r="W30" s="5">
        <v>34.936097552055053</v>
      </c>
      <c r="X30" s="5">
        <v>439.71469671457857</v>
      </c>
      <c r="Y30" s="5">
        <v>166.69282636279584</v>
      </c>
      <c r="Z30" s="5">
        <v>824.79500432857981</v>
      </c>
      <c r="AA30" s="5">
        <v>185.4257406189987</v>
      </c>
      <c r="AB30" s="5">
        <v>1826.0136335886034</v>
      </c>
      <c r="AC30" s="5">
        <v>333.47801402871613</v>
      </c>
      <c r="AD30" s="6">
        <v>12648.591965340858</v>
      </c>
      <c r="AE30" s="5">
        <v>1.1510634001574624</v>
      </c>
      <c r="AF30" s="5">
        <v>180.92032238751281</v>
      </c>
      <c r="AG30" s="5">
        <v>627.87530898685895</v>
      </c>
      <c r="AH30" s="5">
        <v>599.21547816133568</v>
      </c>
    </row>
    <row r="31" spans="1:34" x14ac:dyDescent="0.25">
      <c r="A31" s="4" t="s">
        <v>603</v>
      </c>
      <c r="B31" s="4" t="s">
        <v>604</v>
      </c>
      <c r="C31" s="4">
        <v>29</v>
      </c>
      <c r="D31" s="4" t="s">
        <v>1081</v>
      </c>
      <c r="E31" s="5" t="s">
        <v>605</v>
      </c>
      <c r="F31" s="6">
        <v>189662.42067618176</v>
      </c>
      <c r="G31" s="5">
        <v>590.10230785708882</v>
      </c>
      <c r="H31" s="5">
        <v>50.038390971072509</v>
      </c>
      <c r="I31" s="5">
        <v>294.93575031808007</v>
      </c>
      <c r="J31" s="5">
        <v>7.3243019749957501</v>
      </c>
      <c r="K31" s="5">
        <v>18.285824176880748</v>
      </c>
      <c r="L31" s="5">
        <v>0.55659101983546888</v>
      </c>
      <c r="M31" s="6">
        <v>3332.7983869984546</v>
      </c>
      <c r="N31" s="5">
        <v>2.1186704389114221</v>
      </c>
      <c r="O31" s="5" t="s">
        <v>606</v>
      </c>
      <c r="P31" s="5">
        <v>3.7953985797470134E-2</v>
      </c>
      <c r="Q31" s="5">
        <v>43.126894712863844</v>
      </c>
      <c r="R31" s="5">
        <v>0.66065037186651643</v>
      </c>
      <c r="S31" s="5">
        <v>11.115693941680059</v>
      </c>
      <c r="T31" s="5">
        <v>18.505835152302577</v>
      </c>
      <c r="U31" s="5">
        <v>4.511746492383371</v>
      </c>
      <c r="V31" s="5">
        <v>86.944307446158533</v>
      </c>
      <c r="W31" s="5">
        <v>27.345188734392174</v>
      </c>
      <c r="X31" s="5">
        <v>341.06295722281038</v>
      </c>
      <c r="Y31" s="5">
        <v>128.06592691216522</v>
      </c>
      <c r="Z31" s="5">
        <v>635.62215375630979</v>
      </c>
      <c r="AA31" s="5">
        <v>140.05667239283346</v>
      </c>
      <c r="AB31" s="5">
        <v>1336.0870376206913</v>
      </c>
      <c r="AC31" s="5">
        <v>251.621286527862</v>
      </c>
      <c r="AD31" s="6">
        <v>12034.5234730191</v>
      </c>
      <c r="AE31" s="5">
        <v>0.90612805707681709</v>
      </c>
      <c r="AF31" s="5">
        <v>109.4753051540857</v>
      </c>
      <c r="AG31" s="5">
        <v>381.26612041980172</v>
      </c>
      <c r="AH31" s="5">
        <v>373.32977589321752</v>
      </c>
    </row>
    <row r="32" spans="1:34" x14ac:dyDescent="0.25">
      <c r="A32" s="4" t="s">
        <v>251</v>
      </c>
      <c r="B32" s="4" t="s">
        <v>252</v>
      </c>
      <c r="C32" s="4">
        <v>2</v>
      </c>
      <c r="D32" s="4" t="s">
        <v>1081</v>
      </c>
      <c r="E32" s="5" t="s">
        <v>253</v>
      </c>
      <c r="F32" s="6">
        <v>172644.7129462077</v>
      </c>
      <c r="G32" s="5">
        <v>680.33041296467798</v>
      </c>
      <c r="H32" s="5">
        <v>26.819707949542629</v>
      </c>
      <c r="I32" s="5">
        <v>298.33400778337699</v>
      </c>
      <c r="J32" s="5">
        <v>9.6989361922536705</v>
      </c>
      <c r="K32" s="5">
        <v>13.129414134935082</v>
      </c>
      <c r="L32" s="5">
        <v>0.61226429487582557</v>
      </c>
      <c r="M32" s="6">
        <v>4541.2501065016995</v>
      </c>
      <c r="N32" s="5">
        <v>3.1602268483096263</v>
      </c>
      <c r="O32" s="5">
        <v>0.17127642310430283</v>
      </c>
      <c r="P32" s="5">
        <v>7.8160180454525052E-2</v>
      </c>
      <c r="Q32" s="5">
        <v>57.236923749676137</v>
      </c>
      <c r="R32" s="5">
        <v>0.96341276419140498</v>
      </c>
      <c r="S32" s="5">
        <v>15.003522791410791</v>
      </c>
      <c r="T32" s="5">
        <v>25.64228815464552</v>
      </c>
      <c r="U32" s="5">
        <v>6.5823050042479396</v>
      </c>
      <c r="V32" s="5">
        <v>126.43280067014847</v>
      </c>
      <c r="W32" s="5">
        <v>39.160875895575053</v>
      </c>
      <c r="X32" s="5">
        <v>475.76314382186695</v>
      </c>
      <c r="Y32" s="5">
        <v>174.84101189656741</v>
      </c>
      <c r="Z32" s="5">
        <v>832.94329901667732</v>
      </c>
      <c r="AA32" s="5">
        <v>173.04635015801856</v>
      </c>
      <c r="AB32" s="5">
        <v>1603.9022162991794</v>
      </c>
      <c r="AC32" s="5">
        <v>303.11295176988369</v>
      </c>
      <c r="AD32" s="6">
        <v>10857.238630324071</v>
      </c>
      <c r="AE32" s="5">
        <v>1.0044419953387291</v>
      </c>
      <c r="AF32" s="5">
        <v>125.40374809089644</v>
      </c>
      <c r="AG32" s="5">
        <v>474.52483341164947</v>
      </c>
      <c r="AH32" s="5">
        <v>404.8926468290681</v>
      </c>
    </row>
    <row r="33" spans="1:34" x14ac:dyDescent="0.25">
      <c r="A33" s="4" t="s">
        <v>607</v>
      </c>
      <c r="B33" s="4" t="s">
        <v>608</v>
      </c>
      <c r="C33" s="4">
        <v>30</v>
      </c>
      <c r="D33" s="4" t="s">
        <v>1081</v>
      </c>
      <c r="E33" s="5" t="s">
        <v>609</v>
      </c>
      <c r="F33" s="6">
        <v>197138.4388897462</v>
      </c>
      <c r="G33" s="5">
        <v>971.28731027281685</v>
      </c>
      <c r="H33" s="5">
        <v>70.197867444086839</v>
      </c>
      <c r="I33" s="5">
        <v>332.86417201681826</v>
      </c>
      <c r="J33" s="5">
        <v>11.123519983732505</v>
      </c>
      <c r="K33" s="5" t="s">
        <v>610</v>
      </c>
      <c r="L33" s="5">
        <v>0.81792724574032605</v>
      </c>
      <c r="M33" s="6">
        <v>5549.7770936036632</v>
      </c>
      <c r="N33" s="5">
        <v>4.2338243254608088</v>
      </c>
      <c r="O33" s="5" t="s">
        <v>611</v>
      </c>
      <c r="P33" s="5">
        <v>0.10862995147833236</v>
      </c>
      <c r="Q33" s="5">
        <v>73.71270072563145</v>
      </c>
      <c r="R33" s="5">
        <v>1.1873386166332722</v>
      </c>
      <c r="S33" s="5">
        <v>19.454128271334525</v>
      </c>
      <c r="T33" s="5">
        <v>34.009076893051102</v>
      </c>
      <c r="U33" s="5">
        <v>9.3079430736091471</v>
      </c>
      <c r="V33" s="5">
        <v>169.57574587057994</v>
      </c>
      <c r="W33" s="5">
        <v>52.497792824371075</v>
      </c>
      <c r="X33" s="5">
        <v>626.76075467532519</v>
      </c>
      <c r="Y33" s="5">
        <v>227.05722413885547</v>
      </c>
      <c r="Z33" s="5">
        <v>1060.8593213290026</v>
      </c>
      <c r="AA33" s="5">
        <v>223.80871406694828</v>
      </c>
      <c r="AB33" s="5">
        <v>2052.664176363066</v>
      </c>
      <c r="AC33" s="5">
        <v>373.67268178974763</v>
      </c>
      <c r="AD33" s="6">
        <v>11082.130542578649</v>
      </c>
      <c r="AE33" s="5">
        <v>1.2404417761244135</v>
      </c>
      <c r="AF33" s="5">
        <v>177.97224246075643</v>
      </c>
      <c r="AG33" s="5">
        <v>629.97484289863075</v>
      </c>
      <c r="AH33" s="5">
        <v>491.97467524653354</v>
      </c>
    </row>
    <row r="34" spans="1:34" x14ac:dyDescent="0.25">
      <c r="A34" s="4" t="s">
        <v>616</v>
      </c>
      <c r="B34" s="4" t="s">
        <v>617</v>
      </c>
      <c r="C34" s="4">
        <v>32</v>
      </c>
      <c r="D34" s="4" t="s">
        <v>1081</v>
      </c>
      <c r="E34" s="5" t="s">
        <v>618</v>
      </c>
      <c r="F34" s="6">
        <v>192747.29927327353</v>
      </c>
      <c r="G34" s="5">
        <v>761.89412091210556</v>
      </c>
      <c r="H34" s="5">
        <v>59.253225281548147</v>
      </c>
      <c r="I34" s="5">
        <v>337.26795813563712</v>
      </c>
      <c r="J34" s="5">
        <v>10.302787432111732</v>
      </c>
      <c r="K34" s="5" t="s">
        <v>619</v>
      </c>
      <c r="L34" s="5">
        <v>0.69618136075310821</v>
      </c>
      <c r="M34" s="6">
        <v>4214.933589956283</v>
      </c>
      <c r="N34" s="5">
        <v>2.7411485613522775</v>
      </c>
      <c r="O34" s="5" t="s">
        <v>620</v>
      </c>
      <c r="P34" s="5">
        <v>7.3072136423965012E-2</v>
      </c>
      <c r="Q34" s="5">
        <v>59.382361444964751</v>
      </c>
      <c r="R34" s="5">
        <v>0.95253549397268888</v>
      </c>
      <c r="S34" s="5">
        <v>15.446320187501408</v>
      </c>
      <c r="T34" s="5">
        <v>28.252264161589359</v>
      </c>
      <c r="U34" s="5">
        <v>7.5165370678606971</v>
      </c>
      <c r="V34" s="5">
        <v>129.7264674679169</v>
      </c>
      <c r="W34" s="5">
        <v>40.212122574101414</v>
      </c>
      <c r="X34" s="5">
        <v>478.41148444943695</v>
      </c>
      <c r="Y34" s="5">
        <v>174.04127222854811</v>
      </c>
      <c r="Z34" s="5">
        <v>817.25725395417271</v>
      </c>
      <c r="AA34" s="5">
        <v>175.70509421760352</v>
      </c>
      <c r="AB34" s="5">
        <v>1647.6193060009671</v>
      </c>
      <c r="AC34" s="5">
        <v>294.0357073818397</v>
      </c>
      <c r="AD34" s="6">
        <v>11370.526257335949</v>
      </c>
      <c r="AE34" s="5">
        <v>1.0437192857444633</v>
      </c>
      <c r="AF34" s="5">
        <v>129.23331499895747</v>
      </c>
      <c r="AG34" s="5">
        <v>460.51900457851275</v>
      </c>
      <c r="AH34" s="5">
        <v>410.12908130432243</v>
      </c>
    </row>
    <row r="35" spans="1:34" s="2" customFormat="1" x14ac:dyDescent="0.25">
      <c r="A35" s="4" t="s">
        <v>621</v>
      </c>
      <c r="B35" s="4" t="s">
        <v>622</v>
      </c>
      <c r="C35" s="4">
        <v>33</v>
      </c>
      <c r="D35" s="4" t="s">
        <v>1081</v>
      </c>
      <c r="E35" s="5" t="s">
        <v>623</v>
      </c>
      <c r="F35" s="6">
        <v>199737.64167779268</v>
      </c>
      <c r="G35" s="5">
        <v>553.45753211526539</v>
      </c>
      <c r="H35" s="5">
        <v>69.013337909866607</v>
      </c>
      <c r="I35" s="5">
        <v>294.90224559123646</v>
      </c>
      <c r="J35" s="5">
        <v>6.8268335224449785</v>
      </c>
      <c r="K35" s="5">
        <v>40.326287712078383</v>
      </c>
      <c r="L35" s="5">
        <v>0.50491596199192545</v>
      </c>
      <c r="M35" s="6">
        <v>2428.8053027477122</v>
      </c>
      <c r="N35" s="5">
        <v>1.5133051056953748</v>
      </c>
      <c r="O35" s="5">
        <v>0.34960390426738164</v>
      </c>
      <c r="P35" s="5">
        <v>1.369472162180378E-2</v>
      </c>
      <c r="Q35" s="5">
        <v>35.703413978412804</v>
      </c>
      <c r="R35" s="5">
        <v>0.40078227713980386</v>
      </c>
      <c r="S35" s="5">
        <v>7.2074896428675741</v>
      </c>
      <c r="T35" s="5">
        <v>13.804806669702224</v>
      </c>
      <c r="U35" s="5">
        <v>3.523783577659017</v>
      </c>
      <c r="V35" s="5">
        <v>63.400679687411468</v>
      </c>
      <c r="W35" s="5">
        <v>20.197647396577526</v>
      </c>
      <c r="X35" s="5">
        <v>253.36994941040356</v>
      </c>
      <c r="Y35" s="5">
        <v>96.619836436007233</v>
      </c>
      <c r="Z35" s="5">
        <v>475.23411134293781</v>
      </c>
      <c r="AA35" s="5">
        <v>107.54550573462117</v>
      </c>
      <c r="AB35" s="5">
        <v>1051.1388293530213</v>
      </c>
      <c r="AC35" s="5">
        <v>192.6024671761671</v>
      </c>
      <c r="AD35" s="6">
        <v>12759.934309239683</v>
      </c>
      <c r="AE35" s="5">
        <v>0.73030413419890539</v>
      </c>
      <c r="AF35" s="5">
        <v>78.7791893661025</v>
      </c>
      <c r="AG35" s="5">
        <v>269.50183721513292</v>
      </c>
      <c r="AH35" s="5">
        <v>297.24849902738436</v>
      </c>
    </row>
    <row r="36" spans="1:34" x14ac:dyDescent="0.25">
      <c r="A36" s="4" t="s">
        <v>624</v>
      </c>
      <c r="B36" s="4" t="s">
        <v>625</v>
      </c>
      <c r="C36" s="4">
        <v>34</v>
      </c>
      <c r="D36" s="4" t="s">
        <v>1081</v>
      </c>
      <c r="E36" s="5">
        <v>1.5882788275173783</v>
      </c>
      <c r="F36" s="6">
        <v>190503.93612058903</v>
      </c>
      <c r="G36" s="5">
        <v>818.51956172916641</v>
      </c>
      <c r="H36" s="5">
        <v>75.709904654994872</v>
      </c>
      <c r="I36" s="5">
        <v>297.8340813820837</v>
      </c>
      <c r="J36" s="5">
        <v>5.6963360505846632</v>
      </c>
      <c r="K36" s="5">
        <v>56.329209675535282</v>
      </c>
      <c r="L36" s="5">
        <v>0.67104870032548736</v>
      </c>
      <c r="M36" s="6">
        <v>3329.4694117645704</v>
      </c>
      <c r="N36" s="5">
        <v>3.0665472110195275</v>
      </c>
      <c r="O36" s="5" t="s">
        <v>626</v>
      </c>
      <c r="P36" s="5">
        <v>7.9628826435396871E-2</v>
      </c>
      <c r="Q36" s="5">
        <v>63.468619168037392</v>
      </c>
      <c r="R36" s="5">
        <v>0.66572451929239973</v>
      </c>
      <c r="S36" s="5">
        <v>10.665082906354556</v>
      </c>
      <c r="T36" s="5">
        <v>17.362649395054127</v>
      </c>
      <c r="U36" s="5">
        <v>4.179692185424182</v>
      </c>
      <c r="V36" s="5">
        <v>85.16632365660665</v>
      </c>
      <c r="W36" s="5">
        <v>26.700899759925051</v>
      </c>
      <c r="X36" s="5">
        <v>338.08318087994974</v>
      </c>
      <c r="Y36" s="5">
        <v>131.33533337530017</v>
      </c>
      <c r="Z36" s="5">
        <v>673.46629483612662</v>
      </c>
      <c r="AA36" s="5">
        <v>159.89777939863075</v>
      </c>
      <c r="AB36" s="5">
        <v>1655.9757092393363</v>
      </c>
      <c r="AC36" s="5">
        <v>293.60966338899379</v>
      </c>
      <c r="AD36" s="6">
        <v>13191.655224489941</v>
      </c>
      <c r="AE36" s="5">
        <v>1.4045538822866492</v>
      </c>
      <c r="AF36" s="5">
        <v>182.54866063296194</v>
      </c>
      <c r="AG36" s="5">
        <v>647.56355535001012</v>
      </c>
      <c r="AH36" s="5">
        <v>724.55579214368618</v>
      </c>
    </row>
    <row r="37" spans="1:34" x14ac:dyDescent="0.25">
      <c r="A37" s="4" t="s">
        <v>627</v>
      </c>
      <c r="B37" s="4" t="s">
        <v>628</v>
      </c>
      <c r="C37" s="4">
        <v>35</v>
      </c>
      <c r="D37" s="4" t="s">
        <v>1081</v>
      </c>
      <c r="E37" s="5" t="s">
        <v>629</v>
      </c>
      <c r="F37" s="6">
        <v>200052.59114026048</v>
      </c>
      <c r="G37" s="5">
        <v>690.5277895293724</v>
      </c>
      <c r="H37" s="5">
        <v>75.723633134840057</v>
      </c>
      <c r="I37" s="5">
        <v>323.8756731861497</v>
      </c>
      <c r="J37" s="5">
        <v>10.441219002369358</v>
      </c>
      <c r="K37" s="5" t="s">
        <v>630</v>
      </c>
      <c r="L37" s="5">
        <v>0.53349348375040417</v>
      </c>
      <c r="M37" s="6">
        <v>3202.2523825522494</v>
      </c>
      <c r="N37" s="5">
        <v>2.4749072068347209</v>
      </c>
      <c r="O37" s="5" t="s">
        <v>631</v>
      </c>
      <c r="P37" s="5">
        <v>4.3712406050646219E-2</v>
      </c>
      <c r="Q37" s="5">
        <v>47.140802825997824</v>
      </c>
      <c r="R37" s="5">
        <v>0.64866179992749984</v>
      </c>
      <c r="S37" s="5">
        <v>11.204581377019442</v>
      </c>
      <c r="T37" s="5">
        <v>20.321843172015683</v>
      </c>
      <c r="U37" s="5">
        <v>5.3182494162830389</v>
      </c>
      <c r="V37" s="5">
        <v>95.294067689248322</v>
      </c>
      <c r="W37" s="5">
        <v>30.376643118228554</v>
      </c>
      <c r="X37" s="5">
        <v>366.44615027352432</v>
      </c>
      <c r="Y37" s="5">
        <v>133.10305998246696</v>
      </c>
      <c r="Z37" s="5">
        <v>628.17428532674887</v>
      </c>
      <c r="AA37" s="5">
        <v>135.95695082540075</v>
      </c>
      <c r="AB37" s="5">
        <v>1286.5186503179198</v>
      </c>
      <c r="AC37" s="5">
        <v>226.68526719795707</v>
      </c>
      <c r="AD37" s="6">
        <v>11544.251177909857</v>
      </c>
      <c r="AE37" s="5">
        <v>0.89964789729654715</v>
      </c>
      <c r="AF37" s="5">
        <v>103.81380845963267</v>
      </c>
      <c r="AG37" s="5">
        <v>351.38932905995449</v>
      </c>
      <c r="AH37" s="5">
        <v>326.32858279215628</v>
      </c>
    </row>
    <row r="38" spans="1:34" x14ac:dyDescent="0.25">
      <c r="A38" s="4" t="s">
        <v>636</v>
      </c>
      <c r="B38" s="4" t="s">
        <v>637</v>
      </c>
      <c r="C38" s="4">
        <v>36</v>
      </c>
      <c r="D38" s="4" t="s">
        <v>1081</v>
      </c>
      <c r="E38" s="5" t="s">
        <v>638</v>
      </c>
      <c r="F38" s="6">
        <v>202160.35137214305</v>
      </c>
      <c r="G38" s="5">
        <v>591.38852230599787</v>
      </c>
      <c r="H38" s="5">
        <v>83.479572159274056</v>
      </c>
      <c r="I38" s="5">
        <v>299.41900427936753</v>
      </c>
      <c r="J38" s="5">
        <v>7.0753526453362481</v>
      </c>
      <c r="K38" s="5" t="s">
        <v>639</v>
      </c>
      <c r="L38" s="5">
        <v>0.6282706264915906</v>
      </c>
      <c r="M38" s="6">
        <v>2992.1257967374531</v>
      </c>
      <c r="N38" s="5">
        <v>1.7623740473393403</v>
      </c>
      <c r="O38" s="5" t="s">
        <v>640</v>
      </c>
      <c r="P38" s="5">
        <v>3.2571139527448237E-2</v>
      </c>
      <c r="Q38" s="5">
        <v>41.987336755140042</v>
      </c>
      <c r="R38" s="5">
        <v>0.61190909929500115</v>
      </c>
      <c r="S38" s="5">
        <v>10.804225005006925</v>
      </c>
      <c r="T38" s="5">
        <v>19.058220827912589</v>
      </c>
      <c r="U38" s="5">
        <v>4.5129606085898715</v>
      </c>
      <c r="V38" s="5">
        <v>84.017320961731116</v>
      </c>
      <c r="W38" s="5">
        <v>26.38080695024378</v>
      </c>
      <c r="X38" s="5">
        <v>328.92261718861221</v>
      </c>
      <c r="Y38" s="5">
        <v>122.05851765522479</v>
      </c>
      <c r="Z38" s="5">
        <v>594.52563734228079</v>
      </c>
      <c r="AA38" s="5">
        <v>133.04239214779091</v>
      </c>
      <c r="AB38" s="5">
        <v>1303.4488191664439</v>
      </c>
      <c r="AC38" s="5">
        <v>230.5432882082018</v>
      </c>
      <c r="AD38" s="6">
        <v>12382.007195177908</v>
      </c>
      <c r="AE38" s="5">
        <v>0.82312981245163885</v>
      </c>
      <c r="AF38" s="5">
        <v>113.5762702653065</v>
      </c>
      <c r="AG38" s="5">
        <v>356.74568378061963</v>
      </c>
      <c r="AH38" s="5">
        <v>370.42052993260575</v>
      </c>
    </row>
    <row r="39" spans="1:34" x14ac:dyDescent="0.25">
      <c r="A39" s="4" t="s">
        <v>641</v>
      </c>
      <c r="B39" s="4" t="s">
        <v>642</v>
      </c>
      <c r="C39" s="4">
        <v>38</v>
      </c>
      <c r="D39" s="4" t="s">
        <v>1081</v>
      </c>
      <c r="E39" s="5" t="s">
        <v>643</v>
      </c>
      <c r="F39" s="6">
        <v>203632.11783397206</v>
      </c>
      <c r="G39" s="5">
        <v>596.37429161435728</v>
      </c>
      <c r="H39" s="5">
        <v>66.908047084609748</v>
      </c>
      <c r="I39" s="5">
        <v>312.48409268178273</v>
      </c>
      <c r="J39" s="5">
        <v>7.407654857605908</v>
      </c>
      <c r="K39" s="5" t="s">
        <v>644</v>
      </c>
      <c r="L39" s="5">
        <v>0.43466643799460086</v>
      </c>
      <c r="M39" s="6">
        <v>2307.7946841791727</v>
      </c>
      <c r="N39" s="5">
        <v>2.8445322532988491</v>
      </c>
      <c r="O39" s="5" t="s">
        <v>645</v>
      </c>
      <c r="P39" s="5">
        <v>2.1749881756498095E-2</v>
      </c>
      <c r="Q39" s="5">
        <v>42.022369122207088</v>
      </c>
      <c r="R39" s="5">
        <v>0.37481226322758615</v>
      </c>
      <c r="S39" s="5">
        <v>6.444468861573422</v>
      </c>
      <c r="T39" s="5">
        <v>11.626369445404537</v>
      </c>
      <c r="U39" s="5">
        <v>3.1173515781610019</v>
      </c>
      <c r="V39" s="5">
        <v>56.628059155069096</v>
      </c>
      <c r="W39" s="5">
        <v>18.928012900043214</v>
      </c>
      <c r="X39" s="5">
        <v>241.4029293153867</v>
      </c>
      <c r="Y39" s="5">
        <v>93.046958129415074</v>
      </c>
      <c r="Z39" s="5">
        <v>468.14884951324331</v>
      </c>
      <c r="AA39" s="5">
        <v>107.67360463326703</v>
      </c>
      <c r="AB39" s="5">
        <v>1068.3029321983715</v>
      </c>
      <c r="AC39" s="5">
        <v>198.91310724872716</v>
      </c>
      <c r="AD39" s="6">
        <v>12541.400435831652</v>
      </c>
      <c r="AE39" s="5">
        <v>1.0272420260963993</v>
      </c>
      <c r="AF39" s="5">
        <v>84.610803146863105</v>
      </c>
      <c r="AG39" s="5">
        <v>289.66647684232737</v>
      </c>
      <c r="AH39" s="5">
        <v>339.19015527496441</v>
      </c>
    </row>
    <row r="40" spans="1:34" x14ac:dyDescent="0.25">
      <c r="A40" s="4" t="s">
        <v>254</v>
      </c>
      <c r="B40" s="4" t="s">
        <v>255</v>
      </c>
      <c r="C40" s="4">
        <v>3</v>
      </c>
      <c r="D40" s="4" t="s">
        <v>1081</v>
      </c>
      <c r="E40" s="5">
        <v>3.3592676978150986</v>
      </c>
      <c r="F40" s="6">
        <v>172157.49032375665</v>
      </c>
      <c r="G40" s="5">
        <v>540.70450910701311</v>
      </c>
      <c r="H40" s="5">
        <v>23.706484214360316</v>
      </c>
      <c r="I40" s="5">
        <v>291.33549174763618</v>
      </c>
      <c r="J40" s="5">
        <v>8.6166161401278334</v>
      </c>
      <c r="K40" s="5">
        <v>57.547455517590365</v>
      </c>
      <c r="L40" s="5">
        <v>0.55856705119597538</v>
      </c>
      <c r="M40" s="6">
        <v>3406.0160221410192</v>
      </c>
      <c r="N40" s="5">
        <v>2.0477297558400145</v>
      </c>
      <c r="O40" s="5" t="s">
        <v>256</v>
      </c>
      <c r="P40" s="5">
        <v>6.5942212612255052E-2</v>
      </c>
      <c r="Q40" s="5">
        <v>43.56580472620464</v>
      </c>
      <c r="R40" s="5">
        <v>0.69358265223947568</v>
      </c>
      <c r="S40" s="5">
        <v>11.364201191290789</v>
      </c>
      <c r="T40" s="5">
        <v>19.563064130220845</v>
      </c>
      <c r="U40" s="5">
        <v>4.936678154181334</v>
      </c>
      <c r="V40" s="5">
        <v>93.36884348908545</v>
      </c>
      <c r="W40" s="5">
        <v>29.03812243384996</v>
      </c>
      <c r="X40" s="5">
        <v>358.57278127300322</v>
      </c>
      <c r="Y40" s="5">
        <v>132.59874972933341</v>
      </c>
      <c r="Z40" s="5">
        <v>645.74664126206585</v>
      </c>
      <c r="AA40" s="5">
        <v>137.31349995211943</v>
      </c>
      <c r="AB40" s="5">
        <v>1288.991790929713</v>
      </c>
      <c r="AC40" s="5">
        <v>245.32618673975327</v>
      </c>
      <c r="AD40" s="6">
        <v>11558.592985389332</v>
      </c>
      <c r="AE40" s="5">
        <v>0.84976381297656989</v>
      </c>
      <c r="AF40" s="5">
        <v>101.64586335064479</v>
      </c>
      <c r="AG40" s="5">
        <v>344.90906313896204</v>
      </c>
      <c r="AH40" s="5">
        <v>324.94174056351596</v>
      </c>
    </row>
    <row r="41" spans="1:34" x14ac:dyDescent="0.25">
      <c r="A41" s="4" t="s">
        <v>257</v>
      </c>
      <c r="B41" s="4" t="s">
        <v>258</v>
      </c>
      <c r="C41" s="4">
        <v>4</v>
      </c>
      <c r="D41" s="4" t="s">
        <v>1081</v>
      </c>
      <c r="E41" s="5">
        <v>1.609834602705259</v>
      </c>
      <c r="F41" s="6">
        <v>171153.42019610704</v>
      </c>
      <c r="G41" s="5">
        <v>611.76852710219964</v>
      </c>
      <c r="H41" s="5">
        <v>22.752084599546507</v>
      </c>
      <c r="I41" s="5">
        <v>286.4100472480788</v>
      </c>
      <c r="J41" s="5">
        <v>10.145226327294095</v>
      </c>
      <c r="K41" s="5">
        <v>31.459860087242848</v>
      </c>
      <c r="L41" s="5">
        <v>0.60382244982851618</v>
      </c>
      <c r="M41" s="6">
        <v>4078.929149253599</v>
      </c>
      <c r="N41" s="5">
        <v>2.8869154289241252</v>
      </c>
      <c r="O41" s="5" t="s">
        <v>259</v>
      </c>
      <c r="P41" s="5">
        <v>8.845933253030433E-2</v>
      </c>
      <c r="Q41" s="5">
        <v>53.148062658220084</v>
      </c>
      <c r="R41" s="5">
        <v>0.90580552019235971</v>
      </c>
      <c r="S41" s="5">
        <v>14.289545690383997</v>
      </c>
      <c r="T41" s="5">
        <v>21.930581220255249</v>
      </c>
      <c r="U41" s="5">
        <v>5.4018624589008049</v>
      </c>
      <c r="V41" s="5">
        <v>106.41879715979709</v>
      </c>
      <c r="W41" s="5">
        <v>33.576747193864463</v>
      </c>
      <c r="X41" s="5">
        <v>418.69297945274008</v>
      </c>
      <c r="Y41" s="5">
        <v>158.18995251397851</v>
      </c>
      <c r="Z41" s="5">
        <v>773.28114568535227</v>
      </c>
      <c r="AA41" s="5">
        <v>165.43440599167067</v>
      </c>
      <c r="AB41" s="5">
        <v>1561.0469437857321</v>
      </c>
      <c r="AC41" s="5">
        <v>297.79059760958552</v>
      </c>
      <c r="AD41" s="6">
        <v>11506.629059076866</v>
      </c>
      <c r="AE41" s="5">
        <v>1.0308750347284692</v>
      </c>
      <c r="AF41" s="5">
        <v>123.77342424198152</v>
      </c>
      <c r="AG41" s="5">
        <v>483.04814779763575</v>
      </c>
      <c r="AH41" s="5">
        <v>437.2844883048308</v>
      </c>
    </row>
    <row r="42" spans="1:34" x14ac:dyDescent="0.25">
      <c r="A42" s="4" t="s">
        <v>260</v>
      </c>
      <c r="B42" s="4" t="s">
        <v>261</v>
      </c>
      <c r="C42" s="4">
        <v>5</v>
      </c>
      <c r="D42" s="4" t="s">
        <v>1081</v>
      </c>
      <c r="E42" s="5" t="s">
        <v>262</v>
      </c>
      <c r="F42" s="6">
        <v>182442.10754215223</v>
      </c>
      <c r="G42" s="5">
        <v>614.26331086740902</v>
      </c>
      <c r="H42" s="5">
        <v>38.77522893220236</v>
      </c>
      <c r="I42" s="5">
        <v>313.00575924297868</v>
      </c>
      <c r="J42" s="5">
        <v>10.487883828554637</v>
      </c>
      <c r="K42" s="5">
        <v>14.167220978682165</v>
      </c>
      <c r="L42" s="5">
        <v>0.3517934883244051</v>
      </c>
      <c r="M42" s="6">
        <v>1719.5789988552688</v>
      </c>
      <c r="N42" s="5">
        <v>2.5596398227250989</v>
      </c>
      <c r="O42" s="5" t="s">
        <v>263</v>
      </c>
      <c r="P42" s="5">
        <v>1.2330643784884151E-2</v>
      </c>
      <c r="Q42" s="5">
        <v>40.14372408696488</v>
      </c>
      <c r="R42" s="5">
        <v>0.20284200982972739</v>
      </c>
      <c r="S42" s="5">
        <v>3.5522281867243688</v>
      </c>
      <c r="T42" s="5">
        <v>7.4282374167725624</v>
      </c>
      <c r="U42" s="5">
        <v>2.0209540578316512</v>
      </c>
      <c r="V42" s="5">
        <v>39.248579958340571</v>
      </c>
      <c r="W42" s="5">
        <v>13.151105445787911</v>
      </c>
      <c r="X42" s="5">
        <v>172.78599117534816</v>
      </c>
      <c r="Y42" s="5">
        <v>65.783864264473394</v>
      </c>
      <c r="Z42" s="5">
        <v>331.8383697013856</v>
      </c>
      <c r="AA42" s="5">
        <v>71.213197967126078</v>
      </c>
      <c r="AB42" s="5">
        <v>678.69682927398571</v>
      </c>
      <c r="AC42" s="5">
        <v>136.69974557829232</v>
      </c>
      <c r="AD42" s="6">
        <v>11574.601210546683</v>
      </c>
      <c r="AE42" s="5">
        <v>0.91193889812027018</v>
      </c>
      <c r="AF42" s="5">
        <v>55.161597307467325</v>
      </c>
      <c r="AG42" s="5">
        <v>211.01842947950519</v>
      </c>
      <c r="AH42" s="5">
        <v>222.21366085521416</v>
      </c>
    </row>
    <row r="43" spans="1:34" x14ac:dyDescent="0.25">
      <c r="A43" s="4" t="s">
        <v>264</v>
      </c>
      <c r="B43" s="4" t="s">
        <v>265</v>
      </c>
      <c r="C43" s="4">
        <v>6</v>
      </c>
      <c r="D43" s="4" t="s">
        <v>1081</v>
      </c>
      <c r="E43" s="5">
        <v>4.5769937559811087</v>
      </c>
      <c r="F43" s="6">
        <v>174659.48329358333</v>
      </c>
      <c r="G43" s="5">
        <v>591.70621386688356</v>
      </c>
      <c r="H43" s="5">
        <v>54.306507800432101</v>
      </c>
      <c r="I43" s="5">
        <v>280.48458806364152</v>
      </c>
      <c r="J43" s="5">
        <v>8.2792415797730108</v>
      </c>
      <c r="K43" s="5">
        <v>66.161955343284134</v>
      </c>
      <c r="L43" s="5">
        <v>0.59345288729116663</v>
      </c>
      <c r="M43" s="6">
        <v>3774.4870477335485</v>
      </c>
      <c r="N43" s="5">
        <v>2.5529978756455609</v>
      </c>
      <c r="O43" s="5">
        <v>0.16405525528456363</v>
      </c>
      <c r="P43" s="5">
        <v>0.11882215160264711</v>
      </c>
      <c r="Q43" s="5">
        <v>49.617497230535356</v>
      </c>
      <c r="R43" s="5">
        <v>0.85529037745767034</v>
      </c>
      <c r="S43" s="5">
        <v>13.068997006623857</v>
      </c>
      <c r="T43" s="5">
        <v>20.798811649689551</v>
      </c>
      <c r="U43" s="5">
        <v>5.1471976648951969</v>
      </c>
      <c r="V43" s="5">
        <v>96.961163483931983</v>
      </c>
      <c r="W43" s="5">
        <v>30.258499546944162</v>
      </c>
      <c r="X43" s="5">
        <v>379.65015664804753</v>
      </c>
      <c r="Y43" s="5">
        <v>142.96176260180295</v>
      </c>
      <c r="Z43" s="5">
        <v>704.39044479483221</v>
      </c>
      <c r="AA43" s="5">
        <v>150.21519056679543</v>
      </c>
      <c r="AB43" s="5">
        <v>1411.8207400227977</v>
      </c>
      <c r="AC43" s="5">
        <v>277.96618122903186</v>
      </c>
      <c r="AD43" s="6">
        <v>11845.296764098382</v>
      </c>
      <c r="AE43" s="5">
        <v>0.97563716454820371</v>
      </c>
      <c r="AF43" s="5">
        <v>115.87670905154384</v>
      </c>
      <c r="AG43" s="5">
        <v>446.41491647432565</v>
      </c>
      <c r="AH43" s="5">
        <v>405.8362555507905</v>
      </c>
    </row>
    <row r="44" spans="1:34" x14ac:dyDescent="0.25">
      <c r="A44" s="4" t="s">
        <v>269</v>
      </c>
      <c r="B44" s="4" t="s">
        <v>270</v>
      </c>
      <c r="C44" s="4">
        <v>7</v>
      </c>
      <c r="D44" s="4" t="s">
        <v>1081</v>
      </c>
      <c r="E44" s="5" t="s">
        <v>271</v>
      </c>
      <c r="F44" s="6">
        <v>168203.47161825237</v>
      </c>
      <c r="G44" s="5">
        <v>657.53034080306008</v>
      </c>
      <c r="H44" s="5">
        <v>23.170807684708461</v>
      </c>
      <c r="I44" s="5">
        <v>336.24085083055155</v>
      </c>
      <c r="J44" s="5">
        <v>13.043889639821536</v>
      </c>
      <c r="K44" s="5">
        <v>17.106827029442488</v>
      </c>
      <c r="L44" s="5">
        <v>0.33629681250938648</v>
      </c>
      <c r="M44" s="6">
        <v>2223.1190183882732</v>
      </c>
      <c r="N44" s="5">
        <v>3.7738001204657627</v>
      </c>
      <c r="O44" s="5">
        <v>0.22360526937540606</v>
      </c>
      <c r="P44" s="5">
        <v>1.5014456395957358E-2</v>
      </c>
      <c r="Q44" s="5">
        <v>54.079445288874517</v>
      </c>
      <c r="R44" s="5">
        <v>0.28946336596446548</v>
      </c>
      <c r="S44" s="5">
        <v>4.9400943477613666</v>
      </c>
      <c r="T44" s="5">
        <v>9.5206457331337209</v>
      </c>
      <c r="U44" s="5">
        <v>2.8196587483597999</v>
      </c>
      <c r="V44" s="5">
        <v>52.895167934961968</v>
      </c>
      <c r="W44" s="5">
        <v>17.169554948604848</v>
      </c>
      <c r="X44" s="5">
        <v>218.15526729260006</v>
      </c>
      <c r="Y44" s="5">
        <v>83.597244044688836</v>
      </c>
      <c r="Z44" s="5">
        <v>406.50205608590016</v>
      </c>
      <c r="AA44" s="5">
        <v>85.840987261498142</v>
      </c>
      <c r="AB44" s="5">
        <v>802.13263659507595</v>
      </c>
      <c r="AC44" s="5">
        <v>157.12900295200762</v>
      </c>
      <c r="AD44" s="6">
        <v>10368.806926426314</v>
      </c>
      <c r="AE44" s="5">
        <v>1.0869731324208274</v>
      </c>
      <c r="AF44" s="5">
        <v>89.52410304784793</v>
      </c>
      <c r="AG44" s="5">
        <v>337.76217604566108</v>
      </c>
      <c r="AH44" s="5">
        <v>279.9898906897983</v>
      </c>
    </row>
    <row r="45" spans="1:34" x14ac:dyDescent="0.25">
      <c r="A45" s="4" t="s">
        <v>266</v>
      </c>
      <c r="B45" s="4" t="s">
        <v>267</v>
      </c>
      <c r="C45" s="4">
        <v>7</v>
      </c>
      <c r="D45" s="4" t="s">
        <v>1081</v>
      </c>
      <c r="E45" s="5" t="s">
        <v>268</v>
      </c>
      <c r="F45" s="6">
        <v>171466.0116692275</v>
      </c>
      <c r="G45" s="5">
        <v>554.30326814319699</v>
      </c>
      <c r="H45" s="5">
        <v>19.198233286542802</v>
      </c>
      <c r="I45" s="5">
        <v>300.37949077745861</v>
      </c>
      <c r="J45" s="5">
        <v>9.1358128853299636</v>
      </c>
      <c r="K45" s="5">
        <v>15.204387770021095</v>
      </c>
      <c r="L45" s="5">
        <v>0.33343352796569953</v>
      </c>
      <c r="M45" s="6">
        <v>1799.3987399638786</v>
      </c>
      <c r="N45" s="5">
        <v>2.988516290167627</v>
      </c>
      <c r="O45" s="5">
        <v>0.1931514608394338</v>
      </c>
      <c r="P45" s="5">
        <v>1.1242678336768078E-2</v>
      </c>
      <c r="Q45" s="5">
        <v>46.905506883666398</v>
      </c>
      <c r="R45" s="5">
        <v>0.2139256401952945</v>
      </c>
      <c r="S45" s="5">
        <v>3.8352740688533213</v>
      </c>
      <c r="T45" s="5">
        <v>7.3191911958374387</v>
      </c>
      <c r="U45" s="5">
        <v>2.0512625031744327</v>
      </c>
      <c r="V45" s="5">
        <v>38.812191613630993</v>
      </c>
      <c r="W45" s="5">
        <v>13.036280808653657</v>
      </c>
      <c r="X45" s="5">
        <v>168.09092152949853</v>
      </c>
      <c r="Y45" s="5">
        <v>66.802189243072249</v>
      </c>
      <c r="Z45" s="5">
        <v>339.36834425246099</v>
      </c>
      <c r="AA45" s="5">
        <v>74.650104874561251</v>
      </c>
      <c r="AB45" s="5">
        <v>727.18678409305869</v>
      </c>
      <c r="AC45" s="5">
        <v>144.47815789649403</v>
      </c>
      <c r="AD45" s="6">
        <v>11432.289897888148</v>
      </c>
      <c r="AE45" s="5">
        <v>1.029217573081026</v>
      </c>
      <c r="AF45" s="5">
        <v>63.178723184751647</v>
      </c>
      <c r="AG45" s="5">
        <v>238.41566794037615</v>
      </c>
      <c r="AH45" s="5">
        <v>258.07584217351382</v>
      </c>
    </row>
    <row r="46" spans="1:34" x14ac:dyDescent="0.25">
      <c r="A46" s="4" t="s">
        <v>272</v>
      </c>
      <c r="B46" s="4" t="s">
        <v>273</v>
      </c>
      <c r="C46" s="4">
        <v>8</v>
      </c>
      <c r="D46" s="4" t="s">
        <v>1081</v>
      </c>
      <c r="E46" s="5" t="s">
        <v>274</v>
      </c>
      <c r="F46" s="6">
        <v>163930.13127358159</v>
      </c>
      <c r="G46" s="5">
        <v>455.39439173356982</v>
      </c>
      <c r="H46" s="5" t="s">
        <v>275</v>
      </c>
      <c r="I46" s="5">
        <v>284.99660542457195</v>
      </c>
      <c r="J46" s="5">
        <v>8.556756405257687</v>
      </c>
      <c r="K46" s="5">
        <v>8.6779049581243672</v>
      </c>
      <c r="L46" s="5">
        <v>0.3727104646166805</v>
      </c>
      <c r="M46" s="6">
        <v>3136.4645740954325</v>
      </c>
      <c r="N46" s="5">
        <v>1.9721439771034268</v>
      </c>
      <c r="O46" s="5" t="s">
        <v>276</v>
      </c>
      <c r="P46" s="5">
        <v>3.4179423403785006E-2</v>
      </c>
      <c r="Q46" s="5">
        <v>40.613196546341605</v>
      </c>
      <c r="R46" s="5">
        <v>0.56941582088324916</v>
      </c>
      <c r="S46" s="5">
        <v>10.444881290399369</v>
      </c>
      <c r="T46" s="5">
        <v>18.389200154841639</v>
      </c>
      <c r="U46" s="5">
        <v>4.8109702253870514</v>
      </c>
      <c r="V46" s="5">
        <v>86.298513440828586</v>
      </c>
      <c r="W46" s="5">
        <v>26.531042361196302</v>
      </c>
      <c r="X46" s="5">
        <v>320.73396062620378</v>
      </c>
      <c r="Y46" s="5">
        <v>117.60926222293448</v>
      </c>
      <c r="Z46" s="5">
        <v>568.70363778223953</v>
      </c>
      <c r="AA46" s="5">
        <v>119.65520009590891</v>
      </c>
      <c r="AB46" s="5">
        <v>1122.1546975076596</v>
      </c>
      <c r="AC46" s="5">
        <v>214.58005515910241</v>
      </c>
      <c r="AD46" s="6">
        <v>11244.398270585563</v>
      </c>
      <c r="AE46" s="5">
        <v>0.69122967061412632</v>
      </c>
      <c r="AF46" s="5">
        <v>74.662655145874012</v>
      </c>
      <c r="AG46" s="5">
        <v>295.3339908076955</v>
      </c>
      <c r="AH46" s="5">
        <v>281.73416298377873</v>
      </c>
    </row>
    <row r="47" spans="1:34" s="2" customFormat="1" x14ac:dyDescent="0.25">
      <c r="A47" s="4" t="s">
        <v>277</v>
      </c>
      <c r="B47" s="4" t="s">
        <v>278</v>
      </c>
      <c r="C47" s="4">
        <v>9</v>
      </c>
      <c r="D47" s="4" t="s">
        <v>1081</v>
      </c>
      <c r="E47" s="5" t="s">
        <v>279</v>
      </c>
      <c r="F47" s="6">
        <v>178517.81556942296</v>
      </c>
      <c r="G47" s="5">
        <v>690.86586760924979</v>
      </c>
      <c r="H47" s="5" t="s">
        <v>280</v>
      </c>
      <c r="I47" s="5">
        <v>304.86956627400724</v>
      </c>
      <c r="J47" s="5">
        <v>9.4588456984041365</v>
      </c>
      <c r="K47" s="5">
        <v>28.284335364382482</v>
      </c>
      <c r="L47" s="5">
        <v>0.60284265750025667</v>
      </c>
      <c r="M47" s="6">
        <v>4281.6982028195234</v>
      </c>
      <c r="N47" s="5">
        <v>2.8191491495768433</v>
      </c>
      <c r="O47" s="5">
        <v>0.16571432636080918</v>
      </c>
      <c r="P47" s="5">
        <v>7.4562416193386036E-2</v>
      </c>
      <c r="Q47" s="5">
        <v>52.510050762985863</v>
      </c>
      <c r="R47" s="5">
        <v>0.89654171825118778</v>
      </c>
      <c r="S47" s="5">
        <v>14.32660234854573</v>
      </c>
      <c r="T47" s="5">
        <v>24.248273725657896</v>
      </c>
      <c r="U47" s="5">
        <v>6.2817925644991064</v>
      </c>
      <c r="V47" s="5">
        <v>120.94115875424473</v>
      </c>
      <c r="W47" s="5">
        <v>37.260383050695218</v>
      </c>
      <c r="X47" s="5">
        <v>451.22688500506609</v>
      </c>
      <c r="Y47" s="5">
        <v>167.05892711933549</v>
      </c>
      <c r="Z47" s="5">
        <v>793.65655959070386</v>
      </c>
      <c r="AA47" s="5">
        <v>163.92037757453238</v>
      </c>
      <c r="AB47" s="5">
        <v>1498.1924511671489</v>
      </c>
      <c r="AC47" s="5">
        <v>291.8201736825572</v>
      </c>
      <c r="AD47" s="6">
        <v>10988.953876367326</v>
      </c>
      <c r="AE47" s="5">
        <v>0.99754299149522463</v>
      </c>
      <c r="AF47" s="5">
        <v>105.74179743810407</v>
      </c>
      <c r="AG47" s="5">
        <v>409.96183972953474</v>
      </c>
      <c r="AH47" s="5">
        <v>347.12090293580405</v>
      </c>
    </row>
  </sheetData>
  <sortState ref="A4:BO54">
    <sortCondition ref="D3"/>
  </sortState>
  <conditionalFormatting sqref="A1:D1">
    <cfRule type="containsText" dxfId="3" priority="1" operator="containsText" text="&lt;">
      <formula>NOT(ISERROR(SEARCH("&lt;",A1)))</formula>
    </cfRule>
  </conditionalFormatting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H57"/>
  <sheetViews>
    <sheetView topLeftCell="B1" zoomScale="80" zoomScaleNormal="80" workbookViewId="0">
      <pane ySplit="1" topLeftCell="A14" activePane="bottomLeft" state="frozen"/>
      <selection activeCell="BQ47" sqref="BQ47"/>
      <selection pane="bottomLeft" activeCell="Q37" sqref="Q37"/>
    </sheetView>
  </sheetViews>
  <sheetFormatPr defaultRowHeight="15" x14ac:dyDescent="0.25"/>
  <cols>
    <col min="1" max="1" width="21.5703125" bestFit="1" customWidth="1"/>
    <col min="2" max="2" width="19.28515625" bestFit="1" customWidth="1"/>
    <col min="3" max="3" width="6.5703125" bestFit="1" customWidth="1"/>
    <col min="4" max="4" width="9.42578125" bestFit="1" customWidth="1"/>
    <col min="5" max="5" width="11.28515625" customWidth="1"/>
    <col min="6" max="34" width="9.7109375" customWidth="1"/>
  </cols>
  <sheetData>
    <row r="1" spans="1:34" x14ac:dyDescent="0.25">
      <c r="A1" s="4" t="s">
        <v>1149</v>
      </c>
      <c r="B1" s="4" t="s">
        <v>1150</v>
      </c>
      <c r="C1" s="4" t="s">
        <v>1082</v>
      </c>
      <c r="D1" s="4" t="s">
        <v>1083</v>
      </c>
      <c r="E1" s="4" t="s">
        <v>1151</v>
      </c>
      <c r="F1" s="4" t="s">
        <v>0</v>
      </c>
      <c r="G1" s="4" t="s">
        <v>1</v>
      </c>
      <c r="H1" s="4" t="s">
        <v>2</v>
      </c>
      <c r="I1" s="4" t="s">
        <v>3</v>
      </c>
      <c r="J1" s="4" t="s">
        <v>4</v>
      </c>
      <c r="K1" s="4" t="s">
        <v>5</v>
      </c>
      <c r="L1" s="4" t="s">
        <v>6</v>
      </c>
      <c r="M1" s="4" t="s">
        <v>7</v>
      </c>
      <c r="N1" s="4" t="s">
        <v>8</v>
      </c>
      <c r="O1" s="4" t="s">
        <v>9</v>
      </c>
      <c r="P1" s="4" t="s">
        <v>10</v>
      </c>
      <c r="Q1" s="4" t="s">
        <v>11</v>
      </c>
      <c r="R1" s="4" t="s">
        <v>12</v>
      </c>
      <c r="S1" s="4" t="s">
        <v>13</v>
      </c>
      <c r="T1" s="4" t="s">
        <v>14</v>
      </c>
      <c r="U1" s="4" t="s">
        <v>15</v>
      </c>
      <c r="V1" s="4" t="s">
        <v>16</v>
      </c>
      <c r="W1" s="4" t="s">
        <v>17</v>
      </c>
      <c r="X1" s="4" t="s">
        <v>18</v>
      </c>
      <c r="Y1" s="4" t="s">
        <v>19</v>
      </c>
      <c r="Z1" s="4" t="s">
        <v>20</v>
      </c>
      <c r="AA1" s="4" t="s">
        <v>21</v>
      </c>
      <c r="AB1" s="4" t="s">
        <v>22</v>
      </c>
      <c r="AC1" s="4" t="s">
        <v>23</v>
      </c>
      <c r="AD1" s="4" t="s">
        <v>24</v>
      </c>
      <c r="AE1" s="4" t="s">
        <v>25</v>
      </c>
      <c r="AF1" s="4" t="s">
        <v>26</v>
      </c>
      <c r="AG1" s="4" t="s">
        <v>27</v>
      </c>
      <c r="AH1" s="4" t="s">
        <v>28</v>
      </c>
    </row>
    <row r="2" spans="1:34" s="2" customFormat="1" x14ac:dyDescent="0.25">
      <c r="A2" s="4" t="s">
        <v>446</v>
      </c>
      <c r="B2" s="4" t="s">
        <v>447</v>
      </c>
      <c r="C2" s="4">
        <v>12</v>
      </c>
      <c r="D2" s="4" t="s">
        <v>1080</v>
      </c>
      <c r="E2" s="5" t="s">
        <v>448</v>
      </c>
      <c r="F2" s="5">
        <v>190404.00436198479</v>
      </c>
      <c r="G2" s="5">
        <v>897.32614810375492</v>
      </c>
      <c r="H2" s="5">
        <v>57.645147052542114</v>
      </c>
      <c r="I2" s="5">
        <v>360.54557809501495</v>
      </c>
      <c r="J2" s="5">
        <v>12.55040506194568</v>
      </c>
      <c r="K2" s="5" t="s">
        <v>449</v>
      </c>
      <c r="L2" s="5">
        <v>0.70912012687368842</v>
      </c>
      <c r="M2" s="5">
        <v>5150.8840726892749</v>
      </c>
      <c r="N2" s="5">
        <v>3.8556005598444054</v>
      </c>
      <c r="O2" s="5">
        <v>0.20893241413426891</v>
      </c>
      <c r="P2" s="5">
        <v>9.9243082723952991E-2</v>
      </c>
      <c r="Q2" s="5">
        <v>60.178444735493841</v>
      </c>
      <c r="R2" s="5">
        <v>1.0146024560428673</v>
      </c>
      <c r="S2" s="5">
        <v>16.537906000792439</v>
      </c>
      <c r="T2" s="5">
        <v>29.267129789335414</v>
      </c>
      <c r="U2" s="5">
        <v>8.4090462371558186</v>
      </c>
      <c r="V2" s="5">
        <v>153.80729161073438</v>
      </c>
      <c r="W2" s="5">
        <v>47.269410617495488</v>
      </c>
      <c r="X2" s="5">
        <v>570.71005360483593</v>
      </c>
      <c r="Y2" s="5">
        <v>202.71244230870917</v>
      </c>
      <c r="Z2" s="5">
        <v>936.95373535991064</v>
      </c>
      <c r="AA2" s="5">
        <v>194.90494698668698</v>
      </c>
      <c r="AB2" s="5">
        <v>1813.9812363532642</v>
      </c>
      <c r="AC2" s="5">
        <v>320.28385454085276</v>
      </c>
      <c r="AD2" s="5">
        <v>9809.4783863104567</v>
      </c>
      <c r="AE2" s="5">
        <v>1.0725461747326217</v>
      </c>
      <c r="AF2" s="5">
        <v>123.57953845546059</v>
      </c>
      <c r="AG2" s="5">
        <v>432.70069984376914</v>
      </c>
      <c r="AH2" s="5">
        <v>359.16687991595802</v>
      </c>
    </row>
    <row r="3" spans="1:34" x14ac:dyDescent="0.25">
      <c r="A3" s="4" t="s">
        <v>491</v>
      </c>
      <c r="B3" s="4" t="s">
        <v>492</v>
      </c>
      <c r="C3" s="4">
        <v>20</v>
      </c>
      <c r="D3" s="4" t="s">
        <v>1080</v>
      </c>
      <c r="E3" s="5" t="s">
        <v>493</v>
      </c>
      <c r="F3" s="5">
        <v>191619.01492270743</v>
      </c>
      <c r="G3" s="5">
        <v>731.65711016201476</v>
      </c>
      <c r="H3" s="5">
        <v>43.254774930675232</v>
      </c>
      <c r="I3" s="5">
        <v>324.63029821426716</v>
      </c>
      <c r="J3" s="5">
        <v>10.253687759019959</v>
      </c>
      <c r="K3" s="5">
        <v>16.113253748630498</v>
      </c>
      <c r="L3" s="5">
        <v>0.63316847354284955</v>
      </c>
      <c r="M3" s="5">
        <v>4555.6385195050252</v>
      </c>
      <c r="N3" s="5">
        <v>3.1536213179474761</v>
      </c>
      <c r="O3" s="5" t="s">
        <v>494</v>
      </c>
      <c r="P3" s="5">
        <v>7.0471750868394828E-2</v>
      </c>
      <c r="Q3" s="5">
        <v>57.000498846512556</v>
      </c>
      <c r="R3" s="5">
        <v>0.91681604252210169</v>
      </c>
      <c r="S3" s="5">
        <v>15.287751102895395</v>
      </c>
      <c r="T3" s="5">
        <v>27.894374411914292</v>
      </c>
      <c r="U3" s="5">
        <v>7.2845682233775655</v>
      </c>
      <c r="V3" s="5">
        <v>132.21476118193416</v>
      </c>
      <c r="W3" s="5">
        <v>40.624521627809322</v>
      </c>
      <c r="X3" s="5">
        <v>482.91371586520995</v>
      </c>
      <c r="Y3" s="5">
        <v>174.7984251009951</v>
      </c>
      <c r="Z3" s="5">
        <v>831.2564131314133</v>
      </c>
      <c r="AA3" s="5">
        <v>173.25436005759443</v>
      </c>
      <c r="AB3" s="5">
        <v>1614.287212138913</v>
      </c>
      <c r="AC3" s="5">
        <v>299.83785155166026</v>
      </c>
      <c r="AD3" s="5">
        <v>10503.221175488979</v>
      </c>
      <c r="AE3" s="5">
        <v>0.98480139657787569</v>
      </c>
      <c r="AF3" s="5">
        <v>128.17779637639231</v>
      </c>
      <c r="AG3" s="5">
        <v>460.4380176159151</v>
      </c>
      <c r="AH3" s="5">
        <v>389.48926515285723</v>
      </c>
    </row>
    <row r="4" spans="1:34" x14ac:dyDescent="0.25">
      <c r="A4" s="4" t="s">
        <v>504</v>
      </c>
      <c r="B4" s="4" t="s">
        <v>505</v>
      </c>
      <c r="C4" s="4">
        <v>22</v>
      </c>
      <c r="D4" s="4" t="s">
        <v>1080</v>
      </c>
      <c r="E4" s="5" t="s">
        <v>506</v>
      </c>
      <c r="F4" s="5">
        <v>184448.63934525219</v>
      </c>
      <c r="G4" s="5">
        <v>895.64353260895916</v>
      </c>
      <c r="H4" s="5">
        <v>32.383023604026405</v>
      </c>
      <c r="I4" s="5">
        <v>357.61771514630487</v>
      </c>
      <c r="J4" s="5">
        <v>11.609125312438596</v>
      </c>
      <c r="K4" s="5">
        <v>8.8701049241721996</v>
      </c>
      <c r="L4" s="5">
        <v>0.71640086847442308</v>
      </c>
      <c r="M4" s="5">
        <v>5750.0192501765605</v>
      </c>
      <c r="N4" s="5">
        <v>4.3427349603898415</v>
      </c>
      <c r="O4" s="5">
        <v>0.19894665969701847</v>
      </c>
      <c r="P4" s="5">
        <v>0.11496952059260673</v>
      </c>
      <c r="Q4" s="5">
        <v>82.514161072138876</v>
      </c>
      <c r="R4" s="5">
        <v>1.2330802418050959</v>
      </c>
      <c r="S4" s="5">
        <v>20.218035969020661</v>
      </c>
      <c r="T4" s="5">
        <v>39.499467828264351</v>
      </c>
      <c r="U4" s="5">
        <v>10.03538634130863</v>
      </c>
      <c r="V4" s="5">
        <v>177.29332923084985</v>
      </c>
      <c r="W4" s="5">
        <v>53.266691914250998</v>
      </c>
      <c r="X4" s="5">
        <v>624.07725292091823</v>
      </c>
      <c r="Y4" s="5">
        <v>223.12274398472744</v>
      </c>
      <c r="Z4" s="5">
        <v>1036.515463534985</v>
      </c>
      <c r="AA4" s="5">
        <v>214.93717195035117</v>
      </c>
      <c r="AB4" s="5">
        <v>1969.0781301126922</v>
      </c>
      <c r="AC4" s="5">
        <v>364.01856316838882</v>
      </c>
      <c r="AD4" s="5">
        <v>10085.72750800623</v>
      </c>
      <c r="AE4" s="5">
        <v>1.2324741782535311</v>
      </c>
      <c r="AF4" s="5">
        <v>166.31535130216784</v>
      </c>
      <c r="AG4" s="5">
        <v>603.33292546856069</v>
      </c>
      <c r="AH4" s="5">
        <v>460.75256127698344</v>
      </c>
    </row>
    <row r="5" spans="1:34" x14ac:dyDescent="0.25">
      <c r="A5" s="4" t="s">
        <v>510</v>
      </c>
      <c r="B5" s="4" t="s">
        <v>511</v>
      </c>
      <c r="C5" s="4">
        <v>24</v>
      </c>
      <c r="D5" s="4" t="s">
        <v>1080</v>
      </c>
      <c r="E5" s="5" t="s">
        <v>512</v>
      </c>
      <c r="F5" s="5">
        <v>171414.97617577703</v>
      </c>
      <c r="G5" s="5">
        <v>922.8582715130475</v>
      </c>
      <c r="H5" s="5">
        <v>46.566460186721336</v>
      </c>
      <c r="I5" s="5">
        <v>424.59759514899218</v>
      </c>
      <c r="J5" s="5">
        <v>20.063592331875622</v>
      </c>
      <c r="K5" s="5" t="s">
        <v>513</v>
      </c>
      <c r="L5" s="5">
        <v>0.61208056332571981</v>
      </c>
      <c r="M5" s="5">
        <v>4071.1619769278022</v>
      </c>
      <c r="N5" s="5">
        <v>6.8343484440678122</v>
      </c>
      <c r="O5" s="5">
        <v>0.24165564924533484</v>
      </c>
      <c r="P5" s="5">
        <v>5.1879571865314278E-2</v>
      </c>
      <c r="Q5" s="5">
        <v>88.755129194515263</v>
      </c>
      <c r="R5" s="5">
        <v>0.60023688684424881</v>
      </c>
      <c r="S5" s="5">
        <v>10.193694066631203</v>
      </c>
      <c r="T5" s="5">
        <v>19.263866998467506</v>
      </c>
      <c r="U5" s="5">
        <v>5.563104314056674</v>
      </c>
      <c r="V5" s="5">
        <v>103.9561258348142</v>
      </c>
      <c r="W5" s="5">
        <v>33.628976355746779</v>
      </c>
      <c r="X5" s="5">
        <v>423.4122611595198</v>
      </c>
      <c r="Y5" s="5">
        <v>155.05942431856491</v>
      </c>
      <c r="Z5" s="5">
        <v>739.06722460757453</v>
      </c>
      <c r="AA5" s="5">
        <v>152.10544962000552</v>
      </c>
      <c r="AB5" s="5">
        <v>1403.1294394689501</v>
      </c>
      <c r="AC5" s="5">
        <v>253.79732952267969</v>
      </c>
      <c r="AD5" s="5">
        <v>9138.1091781207251</v>
      </c>
      <c r="AE5" s="5">
        <v>1.4260855115588831</v>
      </c>
      <c r="AF5" s="5">
        <v>173.25493335520903</v>
      </c>
      <c r="AG5" s="5">
        <v>665.57096975826187</v>
      </c>
      <c r="AH5" s="5">
        <v>408.70089613406759</v>
      </c>
    </row>
    <row r="6" spans="1:34" x14ac:dyDescent="0.25">
      <c r="A6" s="4" t="s">
        <v>649</v>
      </c>
      <c r="B6" s="4" t="s">
        <v>650</v>
      </c>
      <c r="C6" s="4">
        <v>28</v>
      </c>
      <c r="D6" s="4" t="s">
        <v>1080</v>
      </c>
      <c r="E6" s="5" t="s">
        <v>651</v>
      </c>
      <c r="F6" s="5">
        <v>202589.49365714029</v>
      </c>
      <c r="G6" s="5">
        <v>780.36111767930618</v>
      </c>
      <c r="H6" s="5">
        <v>64.678620529635481</v>
      </c>
      <c r="I6" s="5">
        <v>349.91042084261233</v>
      </c>
      <c r="J6" s="5">
        <v>12.949421748473165</v>
      </c>
      <c r="K6" s="5">
        <v>4.82698021096295</v>
      </c>
      <c r="L6" s="5">
        <v>0.61140572372082236</v>
      </c>
      <c r="M6" s="5">
        <v>4034.4413460401661</v>
      </c>
      <c r="N6" s="5">
        <v>2.4444151743863793</v>
      </c>
      <c r="O6" s="5" t="s">
        <v>652</v>
      </c>
      <c r="P6" s="5">
        <v>8.1139166386815731E-2</v>
      </c>
      <c r="Q6" s="5">
        <v>44.76823486700016</v>
      </c>
      <c r="R6" s="5">
        <v>0.91184089504320598</v>
      </c>
      <c r="S6" s="5">
        <v>14.746596748369786</v>
      </c>
      <c r="T6" s="5">
        <v>26.168432418124851</v>
      </c>
      <c r="U6" s="5">
        <v>7.4012962061821774</v>
      </c>
      <c r="V6" s="5">
        <v>130.33954994789218</v>
      </c>
      <c r="W6" s="5">
        <v>39.905242219266135</v>
      </c>
      <c r="X6" s="5">
        <v>476.5255995118402</v>
      </c>
      <c r="Y6" s="5">
        <v>170.08297405161017</v>
      </c>
      <c r="Z6" s="5">
        <v>782.6919015303755</v>
      </c>
      <c r="AA6" s="5">
        <v>165.01734479841744</v>
      </c>
      <c r="AB6" s="5">
        <v>1529.5038666822691</v>
      </c>
      <c r="AC6" s="5">
        <v>272.58060239414345</v>
      </c>
      <c r="AD6" s="5">
        <v>10611.5577098343</v>
      </c>
      <c r="AE6" s="5">
        <v>0.91035068517125761</v>
      </c>
      <c r="AF6" s="5">
        <v>101.01496830505506</v>
      </c>
      <c r="AG6" s="5">
        <v>349.14207140829831</v>
      </c>
      <c r="AH6" s="5">
        <v>304.16698988571557</v>
      </c>
    </row>
    <row r="7" spans="1:34" x14ac:dyDescent="0.25">
      <c r="A7" s="4" t="s">
        <v>657</v>
      </c>
      <c r="B7" s="4" t="s">
        <v>658</v>
      </c>
      <c r="C7" s="4">
        <v>29</v>
      </c>
      <c r="D7" s="4" t="s">
        <v>1080</v>
      </c>
      <c r="E7" s="5" t="s">
        <v>659</v>
      </c>
      <c r="F7" s="5">
        <v>194467.96386013494</v>
      </c>
      <c r="G7" s="5">
        <v>1061.3072211044519</v>
      </c>
      <c r="H7" s="5">
        <v>88.795202022586025</v>
      </c>
      <c r="I7" s="5">
        <v>381.8205455251948</v>
      </c>
      <c r="J7" s="5">
        <v>15.702140271298051</v>
      </c>
      <c r="K7" s="5">
        <v>20.884216143409645</v>
      </c>
      <c r="L7" s="5">
        <v>0.66981322357025197</v>
      </c>
      <c r="M7" s="5">
        <v>3895.7912562236334</v>
      </c>
      <c r="N7" s="5">
        <v>6.4462361310630731</v>
      </c>
      <c r="O7" s="5" t="s">
        <v>660</v>
      </c>
      <c r="P7" s="5">
        <v>5.2278794234932521E-2</v>
      </c>
      <c r="Q7" s="5">
        <v>96.084400688128881</v>
      </c>
      <c r="R7" s="5">
        <v>0.67096050356091153</v>
      </c>
      <c r="S7" s="5">
        <v>11.019639244348488</v>
      </c>
      <c r="T7" s="5">
        <v>20.155204820808805</v>
      </c>
      <c r="U7" s="5">
        <v>5.801358344826002</v>
      </c>
      <c r="V7" s="5">
        <v>107.11622152511914</v>
      </c>
      <c r="W7" s="5">
        <v>35.773922050072997</v>
      </c>
      <c r="X7" s="5">
        <v>448.7171302681499</v>
      </c>
      <c r="Y7" s="5">
        <v>164.28111652328931</v>
      </c>
      <c r="Z7" s="5">
        <v>779.82407143403839</v>
      </c>
      <c r="AA7" s="5">
        <v>172.14399436770864</v>
      </c>
      <c r="AB7" s="5">
        <v>1658.8915662016607</v>
      </c>
      <c r="AC7" s="5">
        <v>280.27999813267058</v>
      </c>
      <c r="AD7" s="5">
        <v>11062.620063186952</v>
      </c>
      <c r="AE7" s="5">
        <v>1.6708204397326203</v>
      </c>
      <c r="AF7" s="5">
        <v>202.52734798894133</v>
      </c>
      <c r="AG7" s="5">
        <v>727.96974295468021</v>
      </c>
      <c r="AH7" s="5">
        <v>559.98490549206713</v>
      </c>
    </row>
    <row r="8" spans="1:34" x14ac:dyDescent="0.25">
      <c r="A8" s="4" t="s">
        <v>673</v>
      </c>
      <c r="B8" s="4" t="s">
        <v>674</v>
      </c>
      <c r="C8" s="4">
        <v>30</v>
      </c>
      <c r="D8" s="4" t="s">
        <v>1080</v>
      </c>
      <c r="E8" s="5">
        <v>1.3180732077225248</v>
      </c>
      <c r="F8" s="5">
        <v>208741.94939985301</v>
      </c>
      <c r="G8" s="5">
        <v>532.46457221700791</v>
      </c>
      <c r="H8" s="5">
        <v>89.24310179553099</v>
      </c>
      <c r="I8" s="5">
        <v>321.89053795885326</v>
      </c>
      <c r="J8" s="5">
        <v>10.394906138197546</v>
      </c>
      <c r="K8" s="5" t="s">
        <v>675</v>
      </c>
      <c r="L8" s="5">
        <v>0.40289733139714196</v>
      </c>
      <c r="M8" s="5">
        <v>2300.0600965127373</v>
      </c>
      <c r="N8" s="5">
        <v>1.3102254009980947</v>
      </c>
      <c r="O8" s="5" t="s">
        <v>676</v>
      </c>
      <c r="P8" s="5">
        <v>1.9061792517729527E-2</v>
      </c>
      <c r="Q8" s="5">
        <v>31.593521409195123</v>
      </c>
      <c r="R8" s="5">
        <v>0.43646450498356787</v>
      </c>
      <c r="S8" s="5">
        <v>8.1397177418509781</v>
      </c>
      <c r="T8" s="5">
        <v>15.428883373472445</v>
      </c>
      <c r="U8" s="5">
        <v>4.1104687210278046</v>
      </c>
      <c r="V8" s="5">
        <v>70.778199112374296</v>
      </c>
      <c r="W8" s="5">
        <v>21.991169248357799</v>
      </c>
      <c r="X8" s="5">
        <v>259.08961914454858</v>
      </c>
      <c r="Y8" s="5">
        <v>93.619535434555658</v>
      </c>
      <c r="Z8" s="5">
        <v>445.47618486012277</v>
      </c>
      <c r="AA8" s="5">
        <v>96.192959315228691</v>
      </c>
      <c r="AB8" s="5">
        <v>931.85312342255759</v>
      </c>
      <c r="AC8" s="5">
        <v>165.37894827378923</v>
      </c>
      <c r="AD8" s="5">
        <v>11828.038747979821</v>
      </c>
      <c r="AE8" s="5">
        <v>0.54365608551099309</v>
      </c>
      <c r="AF8" s="5">
        <v>61.188450208407659</v>
      </c>
      <c r="AG8" s="5">
        <v>183.73790312366182</v>
      </c>
      <c r="AH8" s="5">
        <v>196.35870873869328</v>
      </c>
    </row>
    <row r="9" spans="1:34" x14ac:dyDescent="0.25">
      <c r="A9" s="4" t="s">
        <v>688</v>
      </c>
      <c r="B9" s="4" t="s">
        <v>689</v>
      </c>
      <c r="C9" s="4">
        <v>34</v>
      </c>
      <c r="D9" s="4" t="s">
        <v>1080</v>
      </c>
      <c r="E9" s="5" t="s">
        <v>690</v>
      </c>
      <c r="F9" s="5">
        <v>195127.76645753774</v>
      </c>
      <c r="G9" s="5">
        <v>729.01165072398635</v>
      </c>
      <c r="H9" s="5">
        <v>52.189606727018081</v>
      </c>
      <c r="I9" s="5">
        <v>321.21398465812513</v>
      </c>
      <c r="J9" s="5">
        <v>10.163423587311797</v>
      </c>
      <c r="K9" s="5">
        <v>42.156685428224179</v>
      </c>
      <c r="L9" s="5">
        <v>0.66292088864564136</v>
      </c>
      <c r="M9" s="5">
        <v>4156.7950394872942</v>
      </c>
      <c r="N9" s="5">
        <v>2.7520920157495623</v>
      </c>
      <c r="O9" s="5" t="s">
        <v>691</v>
      </c>
      <c r="P9" s="5">
        <v>7.3910063516034977E-2</v>
      </c>
      <c r="Q9" s="5">
        <v>51.530987840262412</v>
      </c>
      <c r="R9" s="5">
        <v>0.94084051420542258</v>
      </c>
      <c r="S9" s="5">
        <v>14.935360776060708</v>
      </c>
      <c r="T9" s="5">
        <v>25.522052310128977</v>
      </c>
      <c r="U9" s="5">
        <v>7.1546212126585278</v>
      </c>
      <c r="V9" s="5">
        <v>125.22690204986029</v>
      </c>
      <c r="W9" s="5">
        <v>39.310770423801166</v>
      </c>
      <c r="X9" s="5">
        <v>470.5520851858343</v>
      </c>
      <c r="Y9" s="5">
        <v>170.52245347705852</v>
      </c>
      <c r="Z9" s="5">
        <v>800.09916653575169</v>
      </c>
      <c r="AA9" s="5">
        <v>171.59636803453611</v>
      </c>
      <c r="AB9" s="5">
        <v>1623.3085637932884</v>
      </c>
      <c r="AC9" s="5">
        <v>288.51697944699669</v>
      </c>
      <c r="AD9" s="5">
        <v>11374.876033820226</v>
      </c>
      <c r="AE9" s="5">
        <v>0.94753250530006783</v>
      </c>
      <c r="AF9" s="5">
        <v>118.70369848342695</v>
      </c>
      <c r="AG9" s="5">
        <v>429.76969944868</v>
      </c>
      <c r="AH9" s="5">
        <v>381.63568683498562</v>
      </c>
    </row>
    <row r="10" spans="1:34" x14ac:dyDescent="0.25">
      <c r="A10" s="4" t="s">
        <v>695</v>
      </c>
      <c r="B10" s="4" t="s">
        <v>696</v>
      </c>
      <c r="C10" s="4">
        <v>35</v>
      </c>
      <c r="D10" s="4" t="s">
        <v>1080</v>
      </c>
      <c r="E10" s="5" t="s">
        <v>697</v>
      </c>
      <c r="F10" s="5">
        <v>198764.8280985656</v>
      </c>
      <c r="G10" s="5">
        <v>571.76610626084152</v>
      </c>
      <c r="H10" s="5">
        <v>45.71141114686629</v>
      </c>
      <c r="I10" s="5">
        <v>324.27895557022072</v>
      </c>
      <c r="J10" s="5">
        <v>12.518135517586121</v>
      </c>
      <c r="K10" s="5">
        <v>17.460159174445486</v>
      </c>
      <c r="L10" s="5">
        <v>0.21847110774388029</v>
      </c>
      <c r="M10" s="5">
        <v>1273.3759439539108</v>
      </c>
      <c r="N10" s="5">
        <v>1.7619482915043108</v>
      </c>
      <c r="O10" s="5">
        <v>0.2685788942451901</v>
      </c>
      <c r="P10" s="5">
        <v>3.7354596165254515E-2</v>
      </c>
      <c r="Q10" s="5">
        <v>29.477712160228869</v>
      </c>
      <c r="R10" s="5">
        <v>0.14327047400375034</v>
      </c>
      <c r="S10" s="5">
        <v>2.643853157343699</v>
      </c>
      <c r="T10" s="5">
        <v>5.7572711561452818</v>
      </c>
      <c r="U10" s="5">
        <v>1.5766273378180851</v>
      </c>
      <c r="V10" s="5">
        <v>30.409584324723042</v>
      </c>
      <c r="W10" s="5">
        <v>10.190295072066439</v>
      </c>
      <c r="X10" s="5">
        <v>133.88932216262046</v>
      </c>
      <c r="Y10" s="5">
        <v>51.575850272142041</v>
      </c>
      <c r="Z10" s="5">
        <v>257.70023744672005</v>
      </c>
      <c r="AA10" s="5">
        <v>57.391871579429093</v>
      </c>
      <c r="AB10" s="5">
        <v>557.68269154475274</v>
      </c>
      <c r="AC10" s="5">
        <v>106.22194384479337</v>
      </c>
      <c r="AD10" s="5">
        <v>11433.244148635797</v>
      </c>
      <c r="AE10" s="5">
        <v>0.73280355149282816</v>
      </c>
      <c r="AF10" s="5">
        <v>60.248335429340031</v>
      </c>
      <c r="AG10" s="5">
        <v>203.76207419747854</v>
      </c>
      <c r="AH10" s="5">
        <v>213.73119815577118</v>
      </c>
    </row>
    <row r="11" spans="1:34" x14ac:dyDescent="0.25">
      <c r="A11" s="4" t="s">
        <v>723</v>
      </c>
      <c r="B11" s="4" t="s">
        <v>724</v>
      </c>
      <c r="C11" s="4">
        <v>42</v>
      </c>
      <c r="D11" s="4" t="s">
        <v>1080</v>
      </c>
      <c r="E11" s="5" t="s">
        <v>725</v>
      </c>
      <c r="F11" s="5">
        <v>207299.43817374992</v>
      </c>
      <c r="G11" s="5">
        <v>733.31230966402859</v>
      </c>
      <c r="H11" s="5">
        <v>55.646555433806483</v>
      </c>
      <c r="I11" s="5">
        <v>323.64849061172771</v>
      </c>
      <c r="J11" s="5">
        <v>11.343987792963794</v>
      </c>
      <c r="K11" s="5">
        <v>6.5995814651699227</v>
      </c>
      <c r="L11" s="5">
        <v>0.59351237407483215</v>
      </c>
      <c r="M11" s="5">
        <v>3562.3510555450389</v>
      </c>
      <c r="N11" s="5">
        <v>2.1931351539308968</v>
      </c>
      <c r="O11" s="5">
        <v>0.24662904000964991</v>
      </c>
      <c r="P11" s="5">
        <v>5.1456620874693798E-2</v>
      </c>
      <c r="Q11" s="5">
        <v>41.246926858800158</v>
      </c>
      <c r="R11" s="5">
        <v>0.8213057759413972</v>
      </c>
      <c r="S11" s="5">
        <v>12.80637857579517</v>
      </c>
      <c r="T11" s="5">
        <v>21.29518010189193</v>
      </c>
      <c r="U11" s="5">
        <v>5.8333246387646263</v>
      </c>
      <c r="V11" s="5">
        <v>105.1918738320862</v>
      </c>
      <c r="W11" s="5">
        <v>33.776159091246534</v>
      </c>
      <c r="X11" s="5">
        <v>411.47174248267675</v>
      </c>
      <c r="Y11" s="5">
        <v>149.93295250101451</v>
      </c>
      <c r="Z11" s="5">
        <v>705.87305023168358</v>
      </c>
      <c r="AA11" s="5">
        <v>152.58165713771902</v>
      </c>
      <c r="AB11" s="5">
        <v>1455.4429330038138</v>
      </c>
      <c r="AC11" s="5">
        <v>258.1154644601832</v>
      </c>
      <c r="AD11" s="5">
        <v>11476.221163388587</v>
      </c>
      <c r="AE11" s="5">
        <v>0.90497268725937585</v>
      </c>
      <c r="AF11" s="5">
        <v>100.22310332822451</v>
      </c>
      <c r="AG11" s="5">
        <v>341.88493032859577</v>
      </c>
      <c r="AH11" s="5">
        <v>325.91285860913797</v>
      </c>
    </row>
    <row r="12" spans="1:34" x14ac:dyDescent="0.25">
      <c r="A12" s="4" t="s">
        <v>729</v>
      </c>
      <c r="B12" s="4" t="s">
        <v>730</v>
      </c>
      <c r="C12" s="4">
        <v>44</v>
      </c>
      <c r="D12" s="4" t="s">
        <v>1080</v>
      </c>
      <c r="E12" s="5" t="s">
        <v>731</v>
      </c>
      <c r="F12" s="5">
        <v>206371.20120613658</v>
      </c>
      <c r="G12" s="5">
        <v>799.32674182219625</v>
      </c>
      <c r="H12" s="5">
        <v>68.605799818432217</v>
      </c>
      <c r="I12" s="5">
        <v>321.01987414470852</v>
      </c>
      <c r="J12" s="5">
        <v>11.578423380290173</v>
      </c>
      <c r="K12" s="5">
        <v>22.964579837406848</v>
      </c>
      <c r="L12" s="5">
        <v>0.6763401843449105</v>
      </c>
      <c r="M12" s="5">
        <v>4005.2866162156752</v>
      </c>
      <c r="N12" s="5">
        <v>2.6522335304390836</v>
      </c>
      <c r="O12" s="5" t="s">
        <v>732</v>
      </c>
      <c r="P12" s="5">
        <v>7.3589801156785192E-2</v>
      </c>
      <c r="Q12" s="5">
        <v>47.167240191699726</v>
      </c>
      <c r="R12" s="5">
        <v>0.89032905597280754</v>
      </c>
      <c r="S12" s="5">
        <v>14.089400766618409</v>
      </c>
      <c r="T12" s="5">
        <v>25.271072774135387</v>
      </c>
      <c r="U12" s="5">
        <v>6.6645527800905979</v>
      </c>
      <c r="V12" s="5">
        <v>119.49449319531134</v>
      </c>
      <c r="W12" s="5">
        <v>38.248402389724156</v>
      </c>
      <c r="X12" s="5">
        <v>463.33486213256225</v>
      </c>
      <c r="Y12" s="5">
        <v>168.18486844511895</v>
      </c>
      <c r="Z12" s="5">
        <v>789.7115765529328</v>
      </c>
      <c r="AA12" s="5">
        <v>170.12959616162482</v>
      </c>
      <c r="AB12" s="5">
        <v>1626.3254187271341</v>
      </c>
      <c r="AC12" s="5">
        <v>283.70482691823815</v>
      </c>
      <c r="AD12" s="5">
        <v>11137.005784705127</v>
      </c>
      <c r="AE12" s="5">
        <v>0.98212994022667677</v>
      </c>
      <c r="AF12" s="5">
        <v>117.54411541278799</v>
      </c>
      <c r="AG12" s="5">
        <v>409.64339299745785</v>
      </c>
      <c r="AH12" s="5">
        <v>373.9126077164799</v>
      </c>
    </row>
    <row r="13" spans="1:34" x14ac:dyDescent="0.25">
      <c r="A13" s="4" t="s">
        <v>733</v>
      </c>
      <c r="B13" s="4" t="s">
        <v>734</v>
      </c>
      <c r="C13" s="4">
        <v>45</v>
      </c>
      <c r="D13" s="4" t="s">
        <v>1080</v>
      </c>
      <c r="E13" s="5" t="s">
        <v>735</v>
      </c>
      <c r="F13" s="5">
        <v>206704.38896877351</v>
      </c>
      <c r="G13" s="5">
        <v>888.77452178445719</v>
      </c>
      <c r="H13" s="5">
        <v>75.183304673965182</v>
      </c>
      <c r="I13" s="5">
        <v>346.04084671744363</v>
      </c>
      <c r="J13" s="5">
        <v>12.642811585530673</v>
      </c>
      <c r="K13" s="5">
        <v>12.341770657560581</v>
      </c>
      <c r="L13" s="5">
        <v>0.60204468849225279</v>
      </c>
      <c r="M13" s="5">
        <v>3291.3007455258826</v>
      </c>
      <c r="N13" s="5">
        <v>4.318103883174202</v>
      </c>
      <c r="O13" s="5" t="s">
        <v>736</v>
      </c>
      <c r="P13" s="5">
        <v>5.1510028467590181E-2</v>
      </c>
      <c r="Q13" s="5">
        <v>63.016155135332383</v>
      </c>
      <c r="R13" s="5">
        <v>0.59009531887795352</v>
      </c>
      <c r="S13" s="5">
        <v>9.2115068939530236</v>
      </c>
      <c r="T13" s="5">
        <v>17.529930584004561</v>
      </c>
      <c r="U13" s="5">
        <v>4.8662330658723958</v>
      </c>
      <c r="V13" s="5">
        <v>89.023735527838085</v>
      </c>
      <c r="W13" s="5">
        <v>29.018846799940565</v>
      </c>
      <c r="X13" s="5">
        <v>359.13856627472745</v>
      </c>
      <c r="Y13" s="5">
        <v>134.07100283694243</v>
      </c>
      <c r="Z13" s="5">
        <v>642.47740494536845</v>
      </c>
      <c r="AA13" s="5">
        <v>139.00419213628754</v>
      </c>
      <c r="AB13" s="5">
        <v>1336.1529623051258</v>
      </c>
      <c r="AC13" s="5">
        <v>237.39276929547671</v>
      </c>
      <c r="AD13" s="5">
        <v>11305.469756734738</v>
      </c>
      <c r="AE13" s="5">
        <v>1.1870061947216604</v>
      </c>
      <c r="AF13" s="5">
        <v>152.54092983049819</v>
      </c>
      <c r="AG13" s="5">
        <v>517.91027420648857</v>
      </c>
      <c r="AH13" s="5">
        <v>413.89953311672167</v>
      </c>
    </row>
    <row r="14" spans="1:34" x14ac:dyDescent="0.25">
      <c r="A14" s="4" t="s">
        <v>737</v>
      </c>
      <c r="B14" s="4" t="s">
        <v>738</v>
      </c>
      <c r="C14" s="4">
        <v>45</v>
      </c>
      <c r="D14" s="4" t="s">
        <v>1080</v>
      </c>
      <c r="E14" s="5" t="s">
        <v>739</v>
      </c>
      <c r="F14" s="6">
        <v>199159.0230488544</v>
      </c>
      <c r="G14" s="5">
        <v>766.04141817455695</v>
      </c>
      <c r="H14" s="5">
        <v>68.369547256227563</v>
      </c>
      <c r="I14" s="5">
        <v>366.74438908243519</v>
      </c>
      <c r="J14" s="5">
        <v>14.058999721093745</v>
      </c>
      <c r="K14" s="5" t="s">
        <v>740</v>
      </c>
      <c r="L14" s="5">
        <v>0.40167111110343467</v>
      </c>
      <c r="M14" s="6">
        <v>2163.0398054612915</v>
      </c>
      <c r="N14" s="5">
        <v>3.4577769900860984</v>
      </c>
      <c r="O14" s="5">
        <v>0.20570561059613288</v>
      </c>
      <c r="P14" s="5">
        <v>2.9282761433036385E-2</v>
      </c>
      <c r="Q14" s="5">
        <v>55.857551528970916</v>
      </c>
      <c r="R14" s="5">
        <v>0.31767487322088706</v>
      </c>
      <c r="S14" s="5">
        <v>5.5703572858458275</v>
      </c>
      <c r="T14" s="5">
        <v>10.316349606115205</v>
      </c>
      <c r="U14" s="5">
        <v>3.0285951306043901</v>
      </c>
      <c r="V14" s="5">
        <v>55.407786886081816</v>
      </c>
      <c r="W14" s="5">
        <v>18.561789667510713</v>
      </c>
      <c r="X14" s="5">
        <v>237.17709074908018</v>
      </c>
      <c r="Y14" s="5">
        <v>88.938514122173757</v>
      </c>
      <c r="Z14" s="5">
        <v>430.49155236841818</v>
      </c>
      <c r="AA14" s="5">
        <v>95.229586692907773</v>
      </c>
      <c r="AB14" s="5">
        <v>929.87123119674857</v>
      </c>
      <c r="AC14" s="5">
        <v>162.66863777175129</v>
      </c>
      <c r="AD14" s="6">
        <v>10613.159772271596</v>
      </c>
      <c r="AE14" s="5">
        <v>1.1978171318009396</v>
      </c>
      <c r="AF14" s="5">
        <v>81.712980840597325</v>
      </c>
      <c r="AG14" s="5">
        <v>278.39542859396062</v>
      </c>
      <c r="AH14" s="5">
        <v>279.16668099483525</v>
      </c>
    </row>
    <row r="15" spans="1:34" x14ac:dyDescent="0.25">
      <c r="A15" s="4" t="s">
        <v>705</v>
      </c>
      <c r="B15" s="4" t="s">
        <v>706</v>
      </c>
      <c r="C15" s="4">
        <v>38</v>
      </c>
      <c r="D15" s="4" t="s">
        <v>1080</v>
      </c>
      <c r="E15" s="5" t="s">
        <v>707</v>
      </c>
      <c r="F15" s="6">
        <v>189926.49729407305</v>
      </c>
      <c r="G15" s="5">
        <v>613.49132208098922</v>
      </c>
      <c r="H15" s="5">
        <v>49.997607933781865</v>
      </c>
      <c r="I15" s="5">
        <v>324.92067700139518</v>
      </c>
      <c r="J15" s="5">
        <v>11.585922809936566</v>
      </c>
      <c r="K15" s="5">
        <v>37.490082459914213</v>
      </c>
      <c r="L15" s="5">
        <v>0.5817064208989996</v>
      </c>
      <c r="M15" s="6">
        <v>3335.5321882128264</v>
      </c>
      <c r="N15" s="5">
        <v>1.9967052475430496</v>
      </c>
      <c r="O15" s="5" t="s">
        <v>708</v>
      </c>
      <c r="P15" s="5">
        <v>5.1784322258126271E-2</v>
      </c>
      <c r="Q15" s="5">
        <v>40.134946296594883</v>
      </c>
      <c r="R15" s="5">
        <v>0.7492873884391571</v>
      </c>
      <c r="S15" s="5">
        <v>12.811500728901111</v>
      </c>
      <c r="T15" s="5">
        <v>21.559098717430995</v>
      </c>
      <c r="U15" s="5">
        <v>5.5873342355254652</v>
      </c>
      <c r="V15" s="5">
        <v>101.32009830841477</v>
      </c>
      <c r="W15" s="5">
        <v>31.438966656844766</v>
      </c>
      <c r="X15" s="5">
        <v>377.87044135434496</v>
      </c>
      <c r="Y15" s="5">
        <v>135.25096173166446</v>
      </c>
      <c r="Z15" s="5">
        <v>633.15421970268017</v>
      </c>
      <c r="AA15" s="5">
        <v>133.984830214997</v>
      </c>
      <c r="AB15" s="5">
        <v>1257.4657264934115</v>
      </c>
      <c r="AC15" s="5">
        <v>224.27466059015944</v>
      </c>
      <c r="AD15" s="6">
        <v>10762.122524023542</v>
      </c>
      <c r="AE15" s="5">
        <v>0.75537654530407072</v>
      </c>
      <c r="AF15" s="5">
        <v>78.821852679180779</v>
      </c>
      <c r="AG15" s="5">
        <v>287.01064725317394</v>
      </c>
      <c r="AH15" s="5">
        <v>268.61520181281367</v>
      </c>
    </row>
    <row r="16" spans="1:34" x14ac:dyDescent="0.25">
      <c r="A16" s="4" t="s">
        <v>709</v>
      </c>
      <c r="B16" s="4" t="s">
        <v>710</v>
      </c>
      <c r="C16" s="4">
        <v>39</v>
      </c>
      <c r="D16" s="4" t="s">
        <v>1081</v>
      </c>
      <c r="E16" s="5" t="s">
        <v>711</v>
      </c>
      <c r="F16" s="6">
        <v>198707.54856265828</v>
      </c>
      <c r="G16" s="5">
        <v>466.65291237482256</v>
      </c>
      <c r="H16" s="5">
        <v>72.456245601583149</v>
      </c>
      <c r="I16" s="5">
        <v>302.95135575626881</v>
      </c>
      <c r="J16" s="5">
        <v>7.8947374137491693</v>
      </c>
      <c r="K16" s="5" t="s">
        <v>712</v>
      </c>
      <c r="L16" s="5">
        <v>0.47276947888694015</v>
      </c>
      <c r="M16" s="6">
        <v>2378.119855668836</v>
      </c>
      <c r="N16" s="5">
        <v>1.3949185122570846</v>
      </c>
      <c r="O16" s="5" t="s">
        <v>713</v>
      </c>
      <c r="P16" s="5">
        <v>2.5761826036269912E-2</v>
      </c>
      <c r="Q16" s="5">
        <v>31.59459806996658</v>
      </c>
      <c r="R16" s="5">
        <v>0.42769546362483885</v>
      </c>
      <c r="S16" s="5">
        <v>8.1186465178357548</v>
      </c>
      <c r="T16" s="5">
        <v>15.40884255095445</v>
      </c>
      <c r="U16" s="5">
        <v>4.0876554723066407</v>
      </c>
      <c r="V16" s="5">
        <v>68.555133920922913</v>
      </c>
      <c r="W16" s="5">
        <v>21.920506158782811</v>
      </c>
      <c r="X16" s="5">
        <v>262.70920894707001</v>
      </c>
      <c r="Y16" s="5">
        <v>95.631485287721574</v>
      </c>
      <c r="Z16" s="5">
        <v>460.47593966589511</v>
      </c>
      <c r="AA16" s="5">
        <v>100.31230911890292</v>
      </c>
      <c r="AB16" s="5">
        <v>984.93880700316026</v>
      </c>
      <c r="AC16" s="5">
        <v>175.97713209906314</v>
      </c>
      <c r="AD16" s="6">
        <v>11965.387873782311</v>
      </c>
      <c r="AE16" s="5">
        <v>0.63359318100785456</v>
      </c>
      <c r="AF16" s="5">
        <v>60.174628753723979</v>
      </c>
      <c r="AG16" s="5">
        <v>207.38048415600517</v>
      </c>
      <c r="AH16" s="5">
        <v>224.05564208886534</v>
      </c>
    </row>
    <row r="17" spans="1:34" x14ac:dyDescent="0.25">
      <c r="A17" s="4" t="s">
        <v>434</v>
      </c>
      <c r="B17" s="4" t="s">
        <v>435</v>
      </c>
      <c r="C17" s="4">
        <v>10</v>
      </c>
      <c r="D17" s="4" t="s">
        <v>1081</v>
      </c>
      <c r="E17" s="5" t="s">
        <v>436</v>
      </c>
      <c r="F17" s="6">
        <v>196167.37774469756</v>
      </c>
      <c r="G17" s="5">
        <v>492.23504180761438</v>
      </c>
      <c r="H17" s="5">
        <v>85.083608225502061</v>
      </c>
      <c r="I17" s="5">
        <v>307.07853844114186</v>
      </c>
      <c r="J17" s="5">
        <v>8.9961932857290137</v>
      </c>
      <c r="K17" s="5">
        <v>21.882303128427182</v>
      </c>
      <c r="L17" s="5">
        <v>0.38394028025932936</v>
      </c>
      <c r="M17" s="6">
        <v>2581.2730225962005</v>
      </c>
      <c r="N17" s="5">
        <v>1.6076554118135835</v>
      </c>
      <c r="O17" s="5" t="s">
        <v>437</v>
      </c>
      <c r="P17" s="5">
        <v>1.6795443459205001E-2</v>
      </c>
      <c r="Q17" s="5">
        <v>32.541023583641739</v>
      </c>
      <c r="R17" s="5">
        <v>0.46725359482060375</v>
      </c>
      <c r="S17" s="5">
        <v>8.6921349629101368</v>
      </c>
      <c r="T17" s="5">
        <v>15.392992795485108</v>
      </c>
      <c r="U17" s="5">
        <v>4.0757867387957356</v>
      </c>
      <c r="V17" s="5">
        <v>73.876184798518452</v>
      </c>
      <c r="W17" s="5">
        <v>22.818399247629305</v>
      </c>
      <c r="X17" s="5">
        <v>276.05642883533153</v>
      </c>
      <c r="Y17" s="5">
        <v>101.59773119034944</v>
      </c>
      <c r="Z17" s="5">
        <v>485.58683448069746</v>
      </c>
      <c r="AA17" s="5">
        <v>103.1764857877578</v>
      </c>
      <c r="AB17" s="5">
        <v>972.69264685001247</v>
      </c>
      <c r="AC17" s="5">
        <v>181.61021711314223</v>
      </c>
      <c r="AD17" s="6">
        <v>11403.293845145223</v>
      </c>
      <c r="AE17" s="5">
        <v>0.63994416258071329</v>
      </c>
      <c r="AF17" s="5">
        <v>61.908044866276654</v>
      </c>
      <c r="AG17" s="5">
        <v>215.08907188136141</v>
      </c>
      <c r="AH17" s="5">
        <v>215.7134291876757</v>
      </c>
    </row>
    <row r="18" spans="1:34" x14ac:dyDescent="0.25">
      <c r="A18" s="4" t="s">
        <v>438</v>
      </c>
      <c r="B18" s="4" t="s">
        <v>439</v>
      </c>
      <c r="C18" s="4">
        <v>11</v>
      </c>
      <c r="D18" s="4" t="s">
        <v>1081</v>
      </c>
      <c r="E18" s="5" t="s">
        <v>440</v>
      </c>
      <c r="F18" s="6">
        <v>181951.70842578998</v>
      </c>
      <c r="G18" s="5">
        <v>574.76768432498</v>
      </c>
      <c r="H18" s="5">
        <v>53.165044410258631</v>
      </c>
      <c r="I18" s="5">
        <v>322.82766927922114</v>
      </c>
      <c r="J18" s="5">
        <v>10.358325449571126</v>
      </c>
      <c r="K18" s="5">
        <v>11.63675020440383</v>
      </c>
      <c r="L18" s="5">
        <v>0.44845307171310117</v>
      </c>
      <c r="M18" s="6">
        <v>3603.644985388737</v>
      </c>
      <c r="N18" s="5">
        <v>2.5504594244258225</v>
      </c>
      <c r="O18" s="5" t="s">
        <v>441</v>
      </c>
      <c r="P18" s="5">
        <v>4.7128272560351375E-2</v>
      </c>
      <c r="Q18" s="5">
        <v>45.483477962347038</v>
      </c>
      <c r="R18" s="5">
        <v>0.80795974580984953</v>
      </c>
      <c r="S18" s="5">
        <v>12.585392616603903</v>
      </c>
      <c r="T18" s="5">
        <v>21.767760023896404</v>
      </c>
      <c r="U18" s="5">
        <v>6.1843828340700773</v>
      </c>
      <c r="V18" s="5">
        <v>103.62835348249061</v>
      </c>
      <c r="W18" s="5">
        <v>31.842842062324205</v>
      </c>
      <c r="X18" s="5">
        <v>382.11329128111726</v>
      </c>
      <c r="Y18" s="5">
        <v>138.35047334349881</v>
      </c>
      <c r="Z18" s="5">
        <v>653.9668642065385</v>
      </c>
      <c r="AA18" s="5">
        <v>137.11497309539834</v>
      </c>
      <c r="AB18" s="5">
        <v>1289.5402563980106</v>
      </c>
      <c r="AC18" s="5">
        <v>232.49438581882072</v>
      </c>
      <c r="AD18" s="6">
        <v>10402.043347251827</v>
      </c>
      <c r="AE18" s="5">
        <v>0.86757128352848001</v>
      </c>
      <c r="AF18" s="5">
        <v>88.601347014786839</v>
      </c>
      <c r="AG18" s="5">
        <v>312.39703619352912</v>
      </c>
      <c r="AH18" s="5">
        <v>287.72577104742606</v>
      </c>
    </row>
    <row r="19" spans="1:34" x14ac:dyDescent="0.25">
      <c r="A19" s="4" t="s">
        <v>450</v>
      </c>
      <c r="B19" s="4" t="s">
        <v>451</v>
      </c>
      <c r="C19" s="4">
        <v>12</v>
      </c>
      <c r="D19" s="4" t="s">
        <v>1081</v>
      </c>
      <c r="E19" s="5">
        <v>1.0302416175831497</v>
      </c>
      <c r="F19" s="6">
        <v>193419.74508270712</v>
      </c>
      <c r="G19" s="5">
        <v>702.09808385082215</v>
      </c>
      <c r="H19" s="5">
        <v>41.187810136369848</v>
      </c>
      <c r="I19" s="5">
        <v>303.44008848543132</v>
      </c>
      <c r="J19" s="5">
        <v>11.019144135884487</v>
      </c>
      <c r="K19" s="5">
        <v>20.205154244465401</v>
      </c>
      <c r="L19" s="5">
        <v>0.64307672191635568</v>
      </c>
      <c r="M19" s="6">
        <v>4373.6684026411231</v>
      </c>
      <c r="N19" s="5">
        <v>3.1483317967181907</v>
      </c>
      <c r="O19" s="5">
        <v>0.27402690481069791</v>
      </c>
      <c r="P19" s="5">
        <v>7.3467871774655163E-2</v>
      </c>
      <c r="Q19" s="5">
        <v>50.283740080201056</v>
      </c>
      <c r="R19" s="5">
        <v>0.97743159101099353</v>
      </c>
      <c r="S19" s="5">
        <v>14.598444441897943</v>
      </c>
      <c r="T19" s="5">
        <v>23.154368810318825</v>
      </c>
      <c r="U19" s="5">
        <v>6.1808532015317263</v>
      </c>
      <c r="V19" s="5">
        <v>116.05231774572012</v>
      </c>
      <c r="W19" s="5">
        <v>36.221634513567899</v>
      </c>
      <c r="X19" s="5">
        <v>451.55979482093989</v>
      </c>
      <c r="Y19" s="5">
        <v>167.72668065848305</v>
      </c>
      <c r="Z19" s="5">
        <v>794.61245870180608</v>
      </c>
      <c r="AA19" s="5">
        <v>168.15858589821426</v>
      </c>
      <c r="AB19" s="5">
        <v>1570.2525647364118</v>
      </c>
      <c r="AC19" s="5">
        <v>288.96416337893169</v>
      </c>
      <c r="AD19" s="6">
        <v>10467.184366407188</v>
      </c>
      <c r="AE19" s="5">
        <v>1.0289008287217443</v>
      </c>
      <c r="AF19" s="5">
        <v>126.94013260372579</v>
      </c>
      <c r="AG19" s="5">
        <v>442.66736797945538</v>
      </c>
      <c r="AH19" s="5">
        <v>383.81795420426283</v>
      </c>
    </row>
    <row r="20" spans="1:34" x14ac:dyDescent="0.25">
      <c r="A20" s="4" t="s">
        <v>452</v>
      </c>
      <c r="B20" s="4" t="s">
        <v>453</v>
      </c>
      <c r="C20" s="4">
        <v>13</v>
      </c>
      <c r="D20" s="4" t="s">
        <v>1081</v>
      </c>
      <c r="E20" s="5" t="s">
        <v>454</v>
      </c>
      <c r="F20" s="6">
        <v>184535.06954929917</v>
      </c>
      <c r="G20" s="5">
        <v>653.52359226832766</v>
      </c>
      <c r="H20" s="5">
        <v>39.329957455153149</v>
      </c>
      <c r="I20" s="5">
        <v>328.0953081488388</v>
      </c>
      <c r="J20" s="5">
        <v>12.124756007905416</v>
      </c>
      <c r="K20" s="5">
        <v>10.790635382533745</v>
      </c>
      <c r="L20" s="5">
        <v>0.3467377305358692</v>
      </c>
      <c r="M20" s="6">
        <v>2127.0511674087643</v>
      </c>
      <c r="N20" s="5">
        <v>3.8548797873920821</v>
      </c>
      <c r="O20" s="5" t="s">
        <v>455</v>
      </c>
      <c r="P20" s="5">
        <v>2.5745898275492309E-2</v>
      </c>
      <c r="Q20" s="5">
        <v>55.504673059800368</v>
      </c>
      <c r="R20" s="5">
        <v>0.28742619115606166</v>
      </c>
      <c r="S20" s="5">
        <v>4.6434447295135461</v>
      </c>
      <c r="T20" s="5">
        <v>9.0364584158349253</v>
      </c>
      <c r="U20" s="5">
        <v>2.6052021507976462</v>
      </c>
      <c r="V20" s="5">
        <v>46.240464149291569</v>
      </c>
      <c r="W20" s="5">
        <v>15.789268056577392</v>
      </c>
      <c r="X20" s="5">
        <v>204.59776253856776</v>
      </c>
      <c r="Y20" s="5">
        <v>79.076987258382204</v>
      </c>
      <c r="Z20" s="5">
        <v>395.80619237199301</v>
      </c>
      <c r="AA20" s="5">
        <v>87.663731217431021</v>
      </c>
      <c r="AB20" s="5">
        <v>858.05847177496855</v>
      </c>
      <c r="AC20" s="5">
        <v>160.03025356354703</v>
      </c>
      <c r="AD20" s="6">
        <v>10839.796397516335</v>
      </c>
      <c r="AE20" s="5">
        <v>1.086252619853878</v>
      </c>
      <c r="AF20" s="5">
        <v>78.904509166317681</v>
      </c>
      <c r="AG20" s="5">
        <v>277.59223120313357</v>
      </c>
      <c r="AH20" s="5">
        <v>278.44583804469482</v>
      </c>
    </row>
    <row r="21" spans="1:34" x14ac:dyDescent="0.25">
      <c r="A21" s="4" t="s">
        <v>456</v>
      </c>
      <c r="B21" s="4" t="s">
        <v>457</v>
      </c>
      <c r="C21" s="4">
        <v>13</v>
      </c>
      <c r="D21" s="4" t="s">
        <v>1081</v>
      </c>
      <c r="E21" s="5" t="s">
        <v>458</v>
      </c>
      <c r="F21" s="6">
        <v>184644.8393805892</v>
      </c>
      <c r="G21" s="5">
        <v>609.4293624567772</v>
      </c>
      <c r="H21" s="5">
        <v>41.395690469898341</v>
      </c>
      <c r="I21" s="5">
        <v>295.99951870162903</v>
      </c>
      <c r="J21" s="5">
        <v>7.3650570585634352</v>
      </c>
      <c r="K21" s="5">
        <v>50.169201069319506</v>
      </c>
      <c r="L21" s="5">
        <v>0.54545017510584348</v>
      </c>
      <c r="M21" s="6">
        <v>3695.0161454535928</v>
      </c>
      <c r="N21" s="5">
        <v>2.6211530525651674</v>
      </c>
      <c r="O21" s="5" t="s">
        <v>459</v>
      </c>
      <c r="P21" s="5">
        <v>5.2325132495280285E-2</v>
      </c>
      <c r="Q21" s="5">
        <v>46.801286860575338</v>
      </c>
      <c r="R21" s="5">
        <v>0.76904735634687849</v>
      </c>
      <c r="S21" s="5">
        <v>12.182260993582032</v>
      </c>
      <c r="T21" s="5">
        <v>20.045754326013917</v>
      </c>
      <c r="U21" s="5">
        <v>4.7828005225841901</v>
      </c>
      <c r="V21" s="5">
        <v>91.541790540030405</v>
      </c>
      <c r="W21" s="5">
        <v>29.561068254053804</v>
      </c>
      <c r="X21" s="5">
        <v>367.41112293794839</v>
      </c>
      <c r="Y21" s="5">
        <v>140.9470218660725</v>
      </c>
      <c r="Z21" s="5">
        <v>685.13584929007311</v>
      </c>
      <c r="AA21" s="5">
        <v>147.0470628335213</v>
      </c>
      <c r="AB21" s="5">
        <v>1412.991002463662</v>
      </c>
      <c r="AC21" s="5">
        <v>265.56594359152245</v>
      </c>
      <c r="AD21" s="6">
        <v>11259.189474485589</v>
      </c>
      <c r="AE21" s="5">
        <v>1.0416104021952639</v>
      </c>
      <c r="AF21" s="5">
        <v>113.29923577444534</v>
      </c>
      <c r="AG21" s="5">
        <v>414.27180862175544</v>
      </c>
      <c r="AH21" s="5">
        <v>380.16490200808897</v>
      </c>
    </row>
    <row r="22" spans="1:34" x14ac:dyDescent="0.25">
      <c r="A22" s="4" t="s">
        <v>460</v>
      </c>
      <c r="B22" s="4" t="s">
        <v>461</v>
      </c>
      <c r="C22" s="4">
        <v>14</v>
      </c>
      <c r="D22" s="4" t="s">
        <v>1081</v>
      </c>
      <c r="E22" s="5" t="s">
        <v>462</v>
      </c>
      <c r="F22" s="6">
        <v>191057.13847266979</v>
      </c>
      <c r="G22" s="5">
        <v>715.02668489255962</v>
      </c>
      <c r="H22" s="5">
        <v>33.748916034603056</v>
      </c>
      <c r="I22" s="5">
        <v>322.62913187030978</v>
      </c>
      <c r="J22" s="5">
        <v>10.182170098535801</v>
      </c>
      <c r="K22" s="5">
        <v>19.998753963055915</v>
      </c>
      <c r="L22" s="5">
        <v>0.37528142919274787</v>
      </c>
      <c r="M22" s="6">
        <v>2225.6626692917262</v>
      </c>
      <c r="N22" s="5">
        <v>4.4165977553453155</v>
      </c>
      <c r="O22" s="5">
        <v>0.29196416058557051</v>
      </c>
      <c r="P22" s="5">
        <v>1.2667579369654668E-2</v>
      </c>
      <c r="Q22" s="5">
        <v>63.948698388295661</v>
      </c>
      <c r="R22" s="5">
        <v>0.27964940937725014</v>
      </c>
      <c r="S22" s="5">
        <v>4.793157992459701</v>
      </c>
      <c r="T22" s="5">
        <v>9.3874829497106944</v>
      </c>
      <c r="U22" s="5">
        <v>2.56061001852532</v>
      </c>
      <c r="V22" s="5">
        <v>48.258010142930729</v>
      </c>
      <c r="W22" s="5">
        <v>16.074944736803655</v>
      </c>
      <c r="X22" s="5">
        <v>211.81678686705763</v>
      </c>
      <c r="Y22" s="5">
        <v>83.385721024695528</v>
      </c>
      <c r="Z22" s="5">
        <v>418.15620419323051</v>
      </c>
      <c r="AA22" s="5">
        <v>94.129136426911032</v>
      </c>
      <c r="AB22" s="5">
        <v>912.80720326556514</v>
      </c>
      <c r="AC22" s="5">
        <v>172.98625727229486</v>
      </c>
      <c r="AD22" s="6">
        <v>11332.774413560548</v>
      </c>
      <c r="AE22" s="5">
        <v>1.272977835657277</v>
      </c>
      <c r="AF22" s="5">
        <v>108.93117127154083</v>
      </c>
      <c r="AG22" s="5">
        <v>376.33813959879535</v>
      </c>
      <c r="AH22" s="5">
        <v>358.42522536646334</v>
      </c>
    </row>
    <row r="23" spans="1:34" x14ac:dyDescent="0.25">
      <c r="A23" s="4" t="s">
        <v>463</v>
      </c>
      <c r="B23" s="4" t="s">
        <v>464</v>
      </c>
      <c r="C23" s="4">
        <v>15</v>
      </c>
      <c r="D23" s="4" t="s">
        <v>1081</v>
      </c>
      <c r="E23" s="5" t="s">
        <v>465</v>
      </c>
      <c r="F23" s="6">
        <v>187961.31617814882</v>
      </c>
      <c r="G23" s="5">
        <v>415.17747908521511</v>
      </c>
      <c r="H23" s="5">
        <v>45.667520047902634</v>
      </c>
      <c r="I23" s="5">
        <v>299.44260714657514</v>
      </c>
      <c r="J23" s="5">
        <v>8.6127143019990289</v>
      </c>
      <c r="K23" s="5" t="s">
        <v>466</v>
      </c>
      <c r="L23" s="5">
        <v>0.36159302886087435</v>
      </c>
      <c r="M23" s="6">
        <v>2271.5816189361731</v>
      </c>
      <c r="N23" s="5">
        <v>1.324438202765758</v>
      </c>
      <c r="O23" s="5" t="s">
        <v>467</v>
      </c>
      <c r="P23" s="5">
        <v>1.6280166944459089E-2</v>
      </c>
      <c r="Q23" s="5">
        <v>28.559848129790311</v>
      </c>
      <c r="R23" s="5">
        <v>0.34874274210136419</v>
      </c>
      <c r="S23" s="5">
        <v>7.0411092357129244</v>
      </c>
      <c r="T23" s="5">
        <v>13.790824452519958</v>
      </c>
      <c r="U23" s="5">
        <v>3.6297158804657648</v>
      </c>
      <c r="V23" s="5">
        <v>62.92823276632484</v>
      </c>
      <c r="W23" s="5">
        <v>19.642534205090236</v>
      </c>
      <c r="X23" s="5">
        <v>234.99690018259946</v>
      </c>
      <c r="Y23" s="5">
        <v>86.05210575172643</v>
      </c>
      <c r="Z23" s="5">
        <v>412.00901086150861</v>
      </c>
      <c r="AA23" s="5">
        <v>87.691835149821443</v>
      </c>
      <c r="AB23" s="5">
        <v>828.93189972832863</v>
      </c>
      <c r="AC23" s="5">
        <v>155.27492720150147</v>
      </c>
      <c r="AD23" s="6">
        <v>10995.204749873032</v>
      </c>
      <c r="AE23" s="5">
        <v>0.48460425537712659</v>
      </c>
      <c r="AF23" s="5">
        <v>47.7760469262589</v>
      </c>
      <c r="AG23" s="5">
        <v>167.71198056738035</v>
      </c>
      <c r="AH23" s="5">
        <v>172.76837351188723</v>
      </c>
    </row>
    <row r="24" spans="1:34" x14ac:dyDescent="0.25">
      <c r="A24" s="4" t="s">
        <v>468</v>
      </c>
      <c r="B24" s="4" t="s">
        <v>469</v>
      </c>
      <c r="C24" s="4">
        <v>16</v>
      </c>
      <c r="D24" s="4" t="s">
        <v>1081</v>
      </c>
      <c r="E24" s="5" t="s">
        <v>470</v>
      </c>
      <c r="F24" s="6">
        <v>187866.5354134333</v>
      </c>
      <c r="G24" s="5">
        <v>641.35873281116903</v>
      </c>
      <c r="H24" s="5" t="s">
        <v>471</v>
      </c>
      <c r="I24" s="5">
        <v>306.16236792158492</v>
      </c>
      <c r="J24" s="5">
        <v>7.6580853718838222</v>
      </c>
      <c r="K24" s="5" t="s">
        <v>472</v>
      </c>
      <c r="L24" s="5">
        <v>0.60594507284824228</v>
      </c>
      <c r="M24" s="6">
        <v>4205.9695880955042</v>
      </c>
      <c r="N24" s="5">
        <v>3.1599017271131693</v>
      </c>
      <c r="O24" s="5" t="s">
        <v>473</v>
      </c>
      <c r="P24" s="5">
        <v>6.5485175782353092E-2</v>
      </c>
      <c r="Q24" s="5">
        <v>54.751983509302931</v>
      </c>
      <c r="R24" s="5">
        <v>0.76780077954980908</v>
      </c>
      <c r="S24" s="5">
        <v>12.766868138910644</v>
      </c>
      <c r="T24" s="5">
        <v>21.868697073510759</v>
      </c>
      <c r="U24" s="5">
        <v>5.6663389542202696</v>
      </c>
      <c r="V24" s="5">
        <v>110.22364227245039</v>
      </c>
      <c r="W24" s="5">
        <v>34.332091203606169</v>
      </c>
      <c r="X24" s="5">
        <v>410.81814784571412</v>
      </c>
      <c r="Y24" s="5">
        <v>153.99879162159999</v>
      </c>
      <c r="Z24" s="5">
        <v>743.53195114967161</v>
      </c>
      <c r="AA24" s="5">
        <v>158.14681643149649</v>
      </c>
      <c r="AB24" s="5">
        <v>1494.440377656935</v>
      </c>
      <c r="AC24" s="5">
        <v>287.34742004220846</v>
      </c>
      <c r="AD24" s="6">
        <v>10982.007235641086</v>
      </c>
      <c r="AE24" s="5">
        <v>0.99793196720584132</v>
      </c>
      <c r="AF24" s="5">
        <v>136.13080840681644</v>
      </c>
      <c r="AG24" s="5">
        <v>481.31498482793739</v>
      </c>
      <c r="AH24" s="5">
        <v>419.45226774256713</v>
      </c>
    </row>
    <row r="25" spans="1:34" x14ac:dyDescent="0.25">
      <c r="A25" s="4" t="s">
        <v>474</v>
      </c>
      <c r="B25" s="4" t="s">
        <v>475</v>
      </c>
      <c r="C25" s="4">
        <v>17</v>
      </c>
      <c r="D25" s="4" t="s">
        <v>1081</v>
      </c>
      <c r="E25" s="5" t="s">
        <v>476</v>
      </c>
      <c r="F25" s="6">
        <v>187141.93590088189</v>
      </c>
      <c r="G25" s="5">
        <v>441.88892345020133</v>
      </c>
      <c r="H25" s="5">
        <v>27.086540705381481</v>
      </c>
      <c r="I25" s="5">
        <v>287.25238599586993</v>
      </c>
      <c r="J25" s="5">
        <v>7.6132001039023534</v>
      </c>
      <c r="K25" s="5" t="s">
        <v>477</v>
      </c>
      <c r="L25" s="5">
        <v>0.41072448914510706</v>
      </c>
      <c r="M25" s="6">
        <v>2645.76247825158</v>
      </c>
      <c r="N25" s="5">
        <v>1.5805290276830217</v>
      </c>
      <c r="O25" s="5" t="s">
        <v>478</v>
      </c>
      <c r="P25" s="5">
        <v>2.445963814353945E-2</v>
      </c>
      <c r="Q25" s="5">
        <v>32.907462390425465</v>
      </c>
      <c r="R25" s="5">
        <v>0.45894463233691002</v>
      </c>
      <c r="S25" s="5">
        <v>8.1931470239411262</v>
      </c>
      <c r="T25" s="5">
        <v>14.562047660951878</v>
      </c>
      <c r="U25" s="5">
        <v>3.8156511325864373</v>
      </c>
      <c r="V25" s="5">
        <v>69.711233134233325</v>
      </c>
      <c r="W25" s="5">
        <v>21.281119916095214</v>
      </c>
      <c r="X25" s="5">
        <v>262.0978535967306</v>
      </c>
      <c r="Y25" s="5">
        <v>97.354922678000577</v>
      </c>
      <c r="Z25" s="5">
        <v>471.86516384091919</v>
      </c>
      <c r="AA25" s="5">
        <v>100.28202797061944</v>
      </c>
      <c r="AB25" s="5">
        <v>954.09976025508502</v>
      </c>
      <c r="AC25" s="5">
        <v>184.2284492492937</v>
      </c>
      <c r="AD25" s="6">
        <v>11040.124710797954</v>
      </c>
      <c r="AE25" s="5">
        <v>0.62154567211771528</v>
      </c>
      <c r="AF25" s="5">
        <v>64.997214195488624</v>
      </c>
      <c r="AG25" s="5">
        <v>228.86082109532518</v>
      </c>
      <c r="AH25" s="5">
        <v>227.45690395785286</v>
      </c>
    </row>
    <row r="26" spans="1:34" x14ac:dyDescent="0.25">
      <c r="A26" s="4" t="s">
        <v>479</v>
      </c>
      <c r="B26" s="4" t="s">
        <v>480</v>
      </c>
      <c r="C26" s="4">
        <v>18</v>
      </c>
      <c r="D26" s="4" t="s">
        <v>1081</v>
      </c>
      <c r="E26" s="5" t="s">
        <v>481</v>
      </c>
      <c r="F26" s="6">
        <v>182843.13898826094</v>
      </c>
      <c r="G26" s="5">
        <v>415.61358538844985</v>
      </c>
      <c r="H26" s="5" t="s">
        <v>482</v>
      </c>
      <c r="I26" s="5">
        <v>287.51312974114421</v>
      </c>
      <c r="J26" s="5">
        <v>8.2272071199674475</v>
      </c>
      <c r="K26" s="5" t="s">
        <v>483</v>
      </c>
      <c r="L26" s="5">
        <v>0.22533936146608588</v>
      </c>
      <c r="M26" s="6">
        <v>1227.0070050081922</v>
      </c>
      <c r="N26" s="5">
        <v>2.1529764229235502</v>
      </c>
      <c r="O26" s="5" t="s">
        <v>484</v>
      </c>
      <c r="P26" s="5">
        <v>7.2121103901427019E-3</v>
      </c>
      <c r="Q26" s="5">
        <v>30.951596765272232</v>
      </c>
      <c r="R26" s="5">
        <v>0.11754205051042549</v>
      </c>
      <c r="S26" s="5">
        <v>2.3328233439947694</v>
      </c>
      <c r="T26" s="5">
        <v>4.9209352219004243</v>
      </c>
      <c r="U26" s="5">
        <v>1.1970837535603887</v>
      </c>
      <c r="V26" s="5">
        <v>24.735707894989421</v>
      </c>
      <c r="W26" s="5">
        <v>8.2283322358230162</v>
      </c>
      <c r="X26" s="5">
        <v>107.78543853187595</v>
      </c>
      <c r="Y26" s="5">
        <v>43.466465868863978</v>
      </c>
      <c r="Z26" s="5">
        <v>225.85685128233069</v>
      </c>
      <c r="AA26" s="5">
        <v>51.519633263395889</v>
      </c>
      <c r="AB26" s="5">
        <v>512.42639738779542</v>
      </c>
      <c r="AC26" s="5">
        <v>102.78324224801845</v>
      </c>
      <c r="AD26" s="6">
        <v>11322.791804950806</v>
      </c>
      <c r="AE26" s="5">
        <v>0.76201998047999442</v>
      </c>
      <c r="AF26" s="5">
        <v>40.493869802958436</v>
      </c>
      <c r="AG26" s="5">
        <v>143.47744293820864</v>
      </c>
      <c r="AH26" s="5">
        <v>184.83946724337491</v>
      </c>
    </row>
    <row r="27" spans="1:34" x14ac:dyDescent="0.25">
      <c r="A27" s="4" t="s">
        <v>485</v>
      </c>
      <c r="B27" s="4" t="s">
        <v>486</v>
      </c>
      <c r="C27" s="4">
        <v>19</v>
      </c>
      <c r="D27" s="4" t="s">
        <v>1081</v>
      </c>
      <c r="E27" s="5" t="s">
        <v>487</v>
      </c>
      <c r="F27" s="6">
        <v>202468.38022948927</v>
      </c>
      <c r="G27" s="5">
        <v>591.62205061554585</v>
      </c>
      <c r="H27" s="5" t="s">
        <v>488</v>
      </c>
      <c r="I27" s="5">
        <v>295.82869198860215</v>
      </c>
      <c r="J27" s="5">
        <v>9.1167750707490569</v>
      </c>
      <c r="K27" s="5" t="s">
        <v>489</v>
      </c>
      <c r="L27" s="5">
        <v>0.4874756222643491</v>
      </c>
      <c r="M27" s="6">
        <v>3273.1576100053358</v>
      </c>
      <c r="N27" s="5">
        <v>1.9889261230613917</v>
      </c>
      <c r="O27" s="5" t="s">
        <v>490</v>
      </c>
      <c r="P27" s="5">
        <v>4.2903006380108334E-2</v>
      </c>
      <c r="Q27" s="5">
        <v>37.771003920743183</v>
      </c>
      <c r="R27" s="5">
        <v>0.64118655733301644</v>
      </c>
      <c r="S27" s="5">
        <v>10.714519023547245</v>
      </c>
      <c r="T27" s="5">
        <v>18.131615642612886</v>
      </c>
      <c r="U27" s="5">
        <v>4.5297857564760422</v>
      </c>
      <c r="V27" s="5">
        <v>86.919068209347444</v>
      </c>
      <c r="W27" s="5">
        <v>26.855407444018887</v>
      </c>
      <c r="X27" s="5">
        <v>328.35027602703229</v>
      </c>
      <c r="Y27" s="5">
        <v>123.00964704051455</v>
      </c>
      <c r="Z27" s="5">
        <v>590.36362506705098</v>
      </c>
      <c r="AA27" s="5">
        <v>122.92313713828464</v>
      </c>
      <c r="AB27" s="5">
        <v>1150.2198052165254</v>
      </c>
      <c r="AC27" s="5">
        <v>222.75835311228488</v>
      </c>
      <c r="AD27" s="6">
        <v>10941.080188240407</v>
      </c>
      <c r="AE27" s="5">
        <v>0.76257150792832074</v>
      </c>
      <c r="AF27" s="5">
        <v>91.564685346200704</v>
      </c>
      <c r="AG27" s="5">
        <v>297.19970382380251</v>
      </c>
      <c r="AH27" s="5">
        <v>270.33792657326546</v>
      </c>
    </row>
    <row r="28" spans="1:34" x14ac:dyDescent="0.25">
      <c r="A28" s="4" t="s">
        <v>390</v>
      </c>
      <c r="B28" s="4" t="s">
        <v>391</v>
      </c>
      <c r="C28" s="4">
        <v>1</v>
      </c>
      <c r="D28" s="4" t="s">
        <v>1081</v>
      </c>
      <c r="E28" s="5" t="s">
        <v>392</v>
      </c>
      <c r="F28" s="6">
        <v>186318.88267131444</v>
      </c>
      <c r="G28" s="5">
        <v>644.66691044732045</v>
      </c>
      <c r="H28" s="5" t="s">
        <v>393</v>
      </c>
      <c r="I28" s="5">
        <v>324.71504156591442</v>
      </c>
      <c r="J28" s="5">
        <v>9.9261232146999046</v>
      </c>
      <c r="K28" s="5">
        <v>25.367196106896731</v>
      </c>
      <c r="L28" s="5">
        <v>0.61767703098458393</v>
      </c>
      <c r="M28" s="6">
        <v>4051.3113763487954</v>
      </c>
      <c r="N28" s="5">
        <v>3.0206709698206202</v>
      </c>
      <c r="O28" s="5" t="s">
        <v>394</v>
      </c>
      <c r="P28" s="5">
        <v>6.908683095882806E-2</v>
      </c>
      <c r="Q28" s="5">
        <v>51.572108807347995</v>
      </c>
      <c r="R28" s="5">
        <v>0.90047231652173632</v>
      </c>
      <c r="S28" s="5">
        <v>13.936724219102018</v>
      </c>
      <c r="T28" s="5">
        <v>24.448140719588146</v>
      </c>
      <c r="U28" s="5">
        <v>6.315393963818372</v>
      </c>
      <c r="V28" s="5">
        <v>117.69383207735518</v>
      </c>
      <c r="W28" s="5">
        <v>35.922821265967343</v>
      </c>
      <c r="X28" s="5">
        <v>436.69648985981559</v>
      </c>
      <c r="Y28" s="5">
        <v>158.80384180057337</v>
      </c>
      <c r="Z28" s="5">
        <v>756.39756614255032</v>
      </c>
      <c r="AA28" s="5">
        <v>161.01292148877255</v>
      </c>
      <c r="AB28" s="5">
        <v>1509.4762270190074</v>
      </c>
      <c r="AC28" s="5">
        <v>276.34407360214044</v>
      </c>
      <c r="AD28" s="6">
        <v>11099.643226191307</v>
      </c>
      <c r="AE28" s="5">
        <v>1.0300108723899732</v>
      </c>
      <c r="AF28" s="5">
        <v>113.64292952450188</v>
      </c>
      <c r="AG28" s="5">
        <v>410.40676740306498</v>
      </c>
      <c r="AH28" s="5">
        <v>368.55480692231527</v>
      </c>
    </row>
    <row r="29" spans="1:34" x14ac:dyDescent="0.25">
      <c r="A29" s="4" t="s">
        <v>495</v>
      </c>
      <c r="B29" s="4" t="s">
        <v>496</v>
      </c>
      <c r="C29" s="4">
        <v>21</v>
      </c>
      <c r="D29" s="4" t="s">
        <v>1081</v>
      </c>
      <c r="E29" s="5" t="s">
        <v>497</v>
      </c>
      <c r="F29" s="6">
        <v>183869.28067463258</v>
      </c>
      <c r="G29" s="5">
        <v>531.79124788982915</v>
      </c>
      <c r="H29" s="5" t="s">
        <v>498</v>
      </c>
      <c r="I29" s="5">
        <v>285.50919606545517</v>
      </c>
      <c r="J29" s="5">
        <v>6.8226630738626959</v>
      </c>
      <c r="K29" s="5">
        <v>18.66236226676207</v>
      </c>
      <c r="L29" s="5">
        <v>0.46840343404042822</v>
      </c>
      <c r="M29" s="6">
        <v>3332.5482956383526</v>
      </c>
      <c r="N29" s="5">
        <v>2.3403671968314805</v>
      </c>
      <c r="O29" s="5" t="s">
        <v>499</v>
      </c>
      <c r="P29" s="5">
        <v>3.5585127738579504E-2</v>
      </c>
      <c r="Q29" s="5">
        <v>44.157490900289936</v>
      </c>
      <c r="R29" s="5">
        <v>0.60503120655234177</v>
      </c>
      <c r="S29" s="5">
        <v>9.9950140389944799</v>
      </c>
      <c r="T29" s="5">
        <v>17.665826426334483</v>
      </c>
      <c r="U29" s="5">
        <v>4.3011798151127039</v>
      </c>
      <c r="V29" s="5">
        <v>80.523132290913395</v>
      </c>
      <c r="W29" s="5">
        <v>25.158275051279844</v>
      </c>
      <c r="X29" s="5">
        <v>319.11108270392435</v>
      </c>
      <c r="Y29" s="5">
        <v>120.60784710657146</v>
      </c>
      <c r="Z29" s="5">
        <v>598.93466271134901</v>
      </c>
      <c r="AA29" s="5">
        <v>127.99071366699053</v>
      </c>
      <c r="AB29" s="5">
        <v>1236.8404842949567</v>
      </c>
      <c r="AC29" s="5">
        <v>238.14900357021924</v>
      </c>
      <c r="AD29" s="6">
        <v>11356.034645318985</v>
      </c>
      <c r="AE29" s="5">
        <v>0.83737899231343726</v>
      </c>
      <c r="AF29" s="5">
        <v>103.68944387492876</v>
      </c>
      <c r="AG29" s="5">
        <v>359.94743333271811</v>
      </c>
      <c r="AH29" s="5">
        <v>347.84591752972011</v>
      </c>
    </row>
    <row r="30" spans="1:34" x14ac:dyDescent="0.25">
      <c r="A30" s="4" t="s">
        <v>500</v>
      </c>
      <c r="B30" s="4" t="s">
        <v>501</v>
      </c>
      <c r="C30" s="4">
        <v>22</v>
      </c>
      <c r="D30" s="4" t="s">
        <v>1081</v>
      </c>
      <c r="E30" s="5" t="s">
        <v>502</v>
      </c>
      <c r="F30" s="6">
        <v>174674.21233964662</v>
      </c>
      <c r="G30" s="5">
        <v>617.08661114779034</v>
      </c>
      <c r="H30" s="5">
        <v>35.33939265922205</v>
      </c>
      <c r="I30" s="5">
        <v>316.11180779957817</v>
      </c>
      <c r="J30" s="5">
        <v>9.2496587950816451</v>
      </c>
      <c r="K30" s="5">
        <v>12.356065165250445</v>
      </c>
      <c r="L30" s="5">
        <v>0.40969230002807988</v>
      </c>
      <c r="M30" s="6">
        <v>2236.7006602916467</v>
      </c>
      <c r="N30" s="5">
        <v>4.4316759526745093</v>
      </c>
      <c r="O30" s="5" t="s">
        <v>503</v>
      </c>
      <c r="P30" s="5">
        <v>1.6420058953907461E-2</v>
      </c>
      <c r="Q30" s="5">
        <v>67.365879441658024</v>
      </c>
      <c r="R30" s="5">
        <v>0.26856537468974878</v>
      </c>
      <c r="S30" s="5">
        <v>4.7793894139522806</v>
      </c>
      <c r="T30" s="5">
        <v>9.4347450137931741</v>
      </c>
      <c r="U30" s="5">
        <v>2.359895782376821</v>
      </c>
      <c r="V30" s="5">
        <v>49.982037613588858</v>
      </c>
      <c r="W30" s="5">
        <v>16.467854116531964</v>
      </c>
      <c r="X30" s="5">
        <v>216.09852308292182</v>
      </c>
      <c r="Y30" s="5">
        <v>83.203456729559505</v>
      </c>
      <c r="Z30" s="5">
        <v>412.3467872212762</v>
      </c>
      <c r="AA30" s="5">
        <v>91.109148503951474</v>
      </c>
      <c r="AB30" s="5">
        <v>895.54401350355647</v>
      </c>
      <c r="AC30" s="5">
        <v>168.27262495498769</v>
      </c>
      <c r="AD30" s="6">
        <v>11383.370901349481</v>
      </c>
      <c r="AE30" s="5">
        <v>1.4983349864061772</v>
      </c>
      <c r="AF30" s="5">
        <v>96.918308677380224</v>
      </c>
      <c r="AG30" s="5">
        <v>351.19047355206425</v>
      </c>
      <c r="AH30" s="5">
        <v>368.88026878162856</v>
      </c>
    </row>
    <row r="31" spans="1:34" x14ac:dyDescent="0.25">
      <c r="A31" s="4" t="s">
        <v>507</v>
      </c>
      <c r="B31" s="4" t="s">
        <v>508</v>
      </c>
      <c r="C31" s="4">
        <v>23</v>
      </c>
      <c r="D31" s="4" t="s">
        <v>1081</v>
      </c>
      <c r="E31" s="5">
        <v>0.75824746348843164</v>
      </c>
      <c r="F31" s="6">
        <v>179649.10578039289</v>
      </c>
      <c r="G31" s="5">
        <v>672.42705550103176</v>
      </c>
      <c r="H31" s="5">
        <v>35.094342370795147</v>
      </c>
      <c r="I31" s="5">
        <v>367.99459981518339</v>
      </c>
      <c r="J31" s="5">
        <v>11.609433903978051</v>
      </c>
      <c r="K31" s="5" t="s">
        <v>509</v>
      </c>
      <c r="L31" s="5">
        <v>0.45295201456187656</v>
      </c>
      <c r="M31" s="6">
        <v>2589.2626139728977</v>
      </c>
      <c r="N31" s="5">
        <v>5.9341602029666847</v>
      </c>
      <c r="O31" s="5">
        <v>0.23711269045430569</v>
      </c>
      <c r="P31" s="5">
        <v>0.11387364104991626</v>
      </c>
      <c r="Q31" s="5">
        <v>50.187150685873661</v>
      </c>
      <c r="R31" s="5">
        <v>0.31056169601218103</v>
      </c>
      <c r="S31" s="5">
        <v>4.8611797334470985</v>
      </c>
      <c r="T31" s="5">
        <v>9.378904089859736</v>
      </c>
      <c r="U31" s="5">
        <v>2.5721404627907374</v>
      </c>
      <c r="V31" s="5">
        <v>48.6460849592278</v>
      </c>
      <c r="W31" s="5">
        <v>16.828659353835704</v>
      </c>
      <c r="X31" s="5">
        <v>227.60937945184881</v>
      </c>
      <c r="Y31" s="5">
        <v>93.481060419074794</v>
      </c>
      <c r="Z31" s="5">
        <v>492.84542001350411</v>
      </c>
      <c r="AA31" s="5">
        <v>112.61111637409066</v>
      </c>
      <c r="AB31" s="5">
        <v>1120.4922858839848</v>
      </c>
      <c r="AC31" s="5">
        <v>220.96300123719629</v>
      </c>
      <c r="AD31" s="6">
        <v>10590.472142468396</v>
      </c>
      <c r="AE31" s="5">
        <v>1.5557874532014988</v>
      </c>
      <c r="AF31" s="5">
        <v>67.525140144462355</v>
      </c>
      <c r="AG31" s="5">
        <v>256.47184956510188</v>
      </c>
      <c r="AH31" s="5">
        <v>329.87342974064637</v>
      </c>
    </row>
    <row r="32" spans="1:34" x14ac:dyDescent="0.25">
      <c r="A32" s="4" t="s">
        <v>514</v>
      </c>
      <c r="B32" s="4" t="s">
        <v>515</v>
      </c>
      <c r="C32" s="4">
        <v>24</v>
      </c>
      <c r="D32" s="4" t="s">
        <v>1081</v>
      </c>
      <c r="E32" s="5" t="s">
        <v>516</v>
      </c>
      <c r="F32" s="6">
        <v>191793.45146072929</v>
      </c>
      <c r="G32" s="5">
        <v>652.65851483942458</v>
      </c>
      <c r="H32" s="5" t="s">
        <v>517</v>
      </c>
      <c r="I32" s="5">
        <v>319.04477355762413</v>
      </c>
      <c r="J32" s="5">
        <v>10.795611787401109</v>
      </c>
      <c r="K32" s="5" t="s">
        <v>518</v>
      </c>
      <c r="L32" s="5">
        <v>0.53910411074965192</v>
      </c>
      <c r="M32" s="6">
        <v>4035.3161707763938</v>
      </c>
      <c r="N32" s="5">
        <v>2.4231999078544848</v>
      </c>
      <c r="O32" s="5" t="s">
        <v>519</v>
      </c>
      <c r="P32" s="5">
        <v>6.3967646442525186E-2</v>
      </c>
      <c r="Q32" s="5">
        <v>43.262848023583217</v>
      </c>
      <c r="R32" s="5">
        <v>0.75632264154806428</v>
      </c>
      <c r="S32" s="5">
        <v>12.692336831940743</v>
      </c>
      <c r="T32" s="5">
        <v>21.619290158260402</v>
      </c>
      <c r="U32" s="5">
        <v>5.675881989326137</v>
      </c>
      <c r="V32" s="5">
        <v>107.51624780730529</v>
      </c>
      <c r="W32" s="5">
        <v>33.823102498368435</v>
      </c>
      <c r="X32" s="5">
        <v>410.37875407080998</v>
      </c>
      <c r="Y32" s="5">
        <v>150.84239200622406</v>
      </c>
      <c r="Z32" s="5">
        <v>708.19760846473048</v>
      </c>
      <c r="AA32" s="5">
        <v>145.06661176734875</v>
      </c>
      <c r="AB32" s="5">
        <v>1307.6952521450887</v>
      </c>
      <c r="AC32" s="5">
        <v>252.53833180441504</v>
      </c>
      <c r="AD32" s="6">
        <v>10271.204669271603</v>
      </c>
      <c r="AE32" s="5">
        <v>0.81987621196397797</v>
      </c>
      <c r="AF32" s="5">
        <v>91.142951448620977</v>
      </c>
      <c r="AG32" s="5">
        <v>328.24969419472905</v>
      </c>
      <c r="AH32" s="5">
        <v>271.42512761328385</v>
      </c>
    </row>
    <row r="33" spans="1:34" x14ac:dyDescent="0.25">
      <c r="A33" s="4" t="s">
        <v>520</v>
      </c>
      <c r="B33" s="4" t="s">
        <v>521</v>
      </c>
      <c r="C33" s="4">
        <v>25</v>
      </c>
      <c r="D33" s="4" t="s">
        <v>1081</v>
      </c>
      <c r="E33" s="5" t="s">
        <v>522</v>
      </c>
      <c r="F33" s="6">
        <v>179433.06873281297</v>
      </c>
      <c r="G33" s="5">
        <v>508.45450044361991</v>
      </c>
      <c r="H33" s="5">
        <v>29.10676701842014</v>
      </c>
      <c r="I33" s="5">
        <v>295.28723661386073</v>
      </c>
      <c r="J33" s="5">
        <v>10.357625255707571</v>
      </c>
      <c r="K33" s="5" t="s">
        <v>523</v>
      </c>
      <c r="L33" s="5">
        <v>0.25185527501609994</v>
      </c>
      <c r="M33" s="6">
        <v>1489.0782746999196</v>
      </c>
      <c r="N33" s="5">
        <v>2.4712655822980696</v>
      </c>
      <c r="O33" s="5" t="s">
        <v>524</v>
      </c>
      <c r="P33" s="5">
        <v>6.6401540806650889E-3</v>
      </c>
      <c r="Q33" s="5">
        <v>36.097989818615552</v>
      </c>
      <c r="R33" s="5">
        <v>0.14977839396149767</v>
      </c>
      <c r="S33" s="5">
        <v>3.014867173328819</v>
      </c>
      <c r="T33" s="5">
        <v>5.9476214773579166</v>
      </c>
      <c r="U33" s="5">
        <v>1.5641746463219077</v>
      </c>
      <c r="V33" s="5">
        <v>30.276687317442924</v>
      </c>
      <c r="W33" s="5">
        <v>10.302390492170074</v>
      </c>
      <c r="X33" s="5">
        <v>133.44358743193965</v>
      </c>
      <c r="Y33" s="5">
        <v>52.157223439641619</v>
      </c>
      <c r="Z33" s="5">
        <v>266.95686148895419</v>
      </c>
      <c r="AA33" s="5">
        <v>59.833027981166168</v>
      </c>
      <c r="AB33" s="5">
        <v>577.17223160707249</v>
      </c>
      <c r="AC33" s="5">
        <v>114.79504631327066</v>
      </c>
      <c r="AD33" s="6">
        <v>11012.473994439863</v>
      </c>
      <c r="AE33" s="5">
        <v>0.84330884554866603</v>
      </c>
      <c r="AF33" s="5">
        <v>78.376330133329333</v>
      </c>
      <c r="AG33" s="5">
        <v>286.34083670104479</v>
      </c>
      <c r="AH33" s="5">
        <v>283.07981153200836</v>
      </c>
    </row>
    <row r="34" spans="1:34" x14ac:dyDescent="0.25">
      <c r="A34" s="4" t="s">
        <v>646</v>
      </c>
      <c r="B34" s="4" t="s">
        <v>647</v>
      </c>
      <c r="C34" s="4">
        <v>27</v>
      </c>
      <c r="D34" s="4" t="s">
        <v>1081</v>
      </c>
      <c r="E34" s="5">
        <v>1.6406019923152164</v>
      </c>
      <c r="F34" s="6">
        <v>202111.07762703663</v>
      </c>
      <c r="G34" s="5">
        <v>777.25987687655174</v>
      </c>
      <c r="H34" s="5">
        <v>59.636813670893268</v>
      </c>
      <c r="I34" s="5">
        <v>304.87150454784347</v>
      </c>
      <c r="J34" s="5">
        <v>8.039673108003619</v>
      </c>
      <c r="K34" s="5">
        <v>62.975871633456023</v>
      </c>
      <c r="L34" s="5">
        <v>0.67102017667239811</v>
      </c>
      <c r="M34" s="6">
        <v>4200.4572580834565</v>
      </c>
      <c r="N34" s="5">
        <v>3.0949869586552441</v>
      </c>
      <c r="O34" s="5" t="s">
        <v>648</v>
      </c>
      <c r="P34" s="5">
        <v>6.5404341124038839E-2</v>
      </c>
      <c r="Q34" s="5">
        <v>51.925410202196446</v>
      </c>
      <c r="R34" s="5">
        <v>0.84493131443669822</v>
      </c>
      <c r="S34" s="5">
        <v>13.416219494360305</v>
      </c>
      <c r="T34" s="5">
        <v>21.598735109999986</v>
      </c>
      <c r="U34" s="5">
        <v>5.7639373537192409</v>
      </c>
      <c r="V34" s="5">
        <v>109.82915907724315</v>
      </c>
      <c r="W34" s="5">
        <v>35.566080036563825</v>
      </c>
      <c r="X34" s="5">
        <v>449.56880319170682</v>
      </c>
      <c r="Y34" s="5">
        <v>168.75417909687849</v>
      </c>
      <c r="Z34" s="5">
        <v>827.63383515655846</v>
      </c>
      <c r="AA34" s="5">
        <v>183.13354726838119</v>
      </c>
      <c r="AB34" s="5">
        <v>1769.9971934055839</v>
      </c>
      <c r="AC34" s="5">
        <v>321.51694596475068</v>
      </c>
      <c r="AD34" s="6">
        <v>12002.967554810568</v>
      </c>
      <c r="AE34" s="5">
        <v>1.1062267665124972</v>
      </c>
      <c r="AF34" s="5">
        <v>164.77575223351332</v>
      </c>
      <c r="AG34" s="5">
        <v>559.3548922021306</v>
      </c>
      <c r="AH34" s="5">
        <v>514.36563518901221</v>
      </c>
    </row>
    <row r="35" spans="1:34" x14ac:dyDescent="0.25">
      <c r="A35" s="4" t="s">
        <v>661</v>
      </c>
      <c r="B35" s="4" t="s">
        <v>662</v>
      </c>
      <c r="C35" s="4">
        <v>29</v>
      </c>
      <c r="D35" s="4" t="s">
        <v>1081</v>
      </c>
      <c r="E35" s="5" t="s">
        <v>663</v>
      </c>
      <c r="F35" s="6">
        <v>202989.9658583221</v>
      </c>
      <c r="G35" s="5">
        <v>755.2220874897248</v>
      </c>
      <c r="H35" s="5">
        <v>83.859809398930508</v>
      </c>
      <c r="I35" s="5">
        <v>314.25736896681769</v>
      </c>
      <c r="J35" s="5">
        <v>8.5295449681837532</v>
      </c>
      <c r="K35" s="5">
        <v>19.44808575652652</v>
      </c>
      <c r="L35" s="5">
        <v>0.7161717633734519</v>
      </c>
      <c r="M35" s="6">
        <v>3918.1584037420357</v>
      </c>
      <c r="N35" s="5">
        <v>2.7938088143733046</v>
      </c>
      <c r="O35" s="5" t="s">
        <v>664</v>
      </c>
      <c r="P35" s="5">
        <v>5.136351516589846E-2</v>
      </c>
      <c r="Q35" s="5">
        <v>52.496779290310968</v>
      </c>
      <c r="R35" s="5">
        <v>0.92791430930207086</v>
      </c>
      <c r="S35" s="5">
        <v>14.819924952513102</v>
      </c>
      <c r="T35" s="5">
        <v>24.871862270497502</v>
      </c>
      <c r="U35" s="5">
        <v>6.2048517834604313</v>
      </c>
      <c r="V35" s="5">
        <v>112.29048633496977</v>
      </c>
      <c r="W35" s="5">
        <v>36.263093133385709</v>
      </c>
      <c r="X35" s="5">
        <v>443.10657065403814</v>
      </c>
      <c r="Y35" s="5">
        <v>164.69101977063022</v>
      </c>
      <c r="Z35" s="5">
        <v>793.07162859887728</v>
      </c>
      <c r="AA35" s="5">
        <v>176.79628069211446</v>
      </c>
      <c r="AB35" s="5">
        <v>1719.8656343425171</v>
      </c>
      <c r="AC35" s="5">
        <v>302.0053048819197</v>
      </c>
      <c r="AD35" s="6">
        <v>12366.375298580826</v>
      </c>
      <c r="AE35" s="5">
        <v>1.117144698335226</v>
      </c>
      <c r="AF35" s="5">
        <v>142.25303368440026</v>
      </c>
      <c r="AG35" s="5">
        <v>491.61731337802081</v>
      </c>
      <c r="AH35" s="5">
        <v>464.9749896776047</v>
      </c>
    </row>
    <row r="36" spans="1:34" x14ac:dyDescent="0.25">
      <c r="A36" s="4" t="s">
        <v>653</v>
      </c>
      <c r="B36" s="4" t="s">
        <v>654</v>
      </c>
      <c r="C36" s="4">
        <v>29</v>
      </c>
      <c r="D36" s="4" t="s">
        <v>1081</v>
      </c>
      <c r="E36" s="5" t="s">
        <v>655</v>
      </c>
      <c r="F36" s="6">
        <v>202059.33324217185</v>
      </c>
      <c r="G36" s="5">
        <v>807.88505866400897</v>
      </c>
      <c r="H36" s="5">
        <v>82.097539860678708</v>
      </c>
      <c r="I36" s="5">
        <v>327.84981147936287</v>
      </c>
      <c r="J36" s="5">
        <v>12.346929290143837</v>
      </c>
      <c r="K36" s="5">
        <v>25.753561397473305</v>
      </c>
      <c r="L36" s="5">
        <v>0.51794039411459014</v>
      </c>
      <c r="M36" s="6">
        <v>2400.9452730499902</v>
      </c>
      <c r="N36" s="5">
        <v>3.404223411161913</v>
      </c>
      <c r="O36" s="5" t="s">
        <v>656</v>
      </c>
      <c r="P36" s="5">
        <v>3.392092058740373E-2</v>
      </c>
      <c r="Q36" s="5">
        <v>55.555699597383573</v>
      </c>
      <c r="R36" s="5">
        <v>0.41882557116116631</v>
      </c>
      <c r="S36" s="5">
        <v>6.7950984307566307</v>
      </c>
      <c r="T36" s="5">
        <v>12.792381962255005</v>
      </c>
      <c r="U36" s="5">
        <v>3.6097705573683583</v>
      </c>
      <c r="V36" s="5">
        <v>61.292561641429415</v>
      </c>
      <c r="W36" s="5">
        <v>20.585472966550078</v>
      </c>
      <c r="X36" s="5">
        <v>259.74472968357873</v>
      </c>
      <c r="Y36" s="5">
        <v>99.364455611950319</v>
      </c>
      <c r="Z36" s="5">
        <v>482.52307685756745</v>
      </c>
      <c r="AA36" s="5">
        <v>109.41384667063646</v>
      </c>
      <c r="AB36" s="5">
        <v>1092.5993191528114</v>
      </c>
      <c r="AC36" s="5">
        <v>189.5437463966214</v>
      </c>
      <c r="AD36" s="6">
        <v>11942.655767866794</v>
      </c>
      <c r="AE36" s="5">
        <v>1.2256571469162356</v>
      </c>
      <c r="AF36" s="5">
        <v>188.12425779016647</v>
      </c>
      <c r="AG36" s="5">
        <v>625.06644248720806</v>
      </c>
      <c r="AH36" s="5">
        <v>525.757620419001</v>
      </c>
    </row>
    <row r="37" spans="1:34" x14ac:dyDescent="0.25">
      <c r="A37" s="4" t="s">
        <v>395</v>
      </c>
      <c r="B37" s="4" t="s">
        <v>396</v>
      </c>
      <c r="C37" s="4">
        <v>2</v>
      </c>
      <c r="D37" s="4" t="s">
        <v>1081</v>
      </c>
      <c r="E37" s="5" t="s">
        <v>397</v>
      </c>
      <c r="F37" s="6">
        <v>195707.50238270705</v>
      </c>
      <c r="G37" s="5">
        <v>528.00472049996051</v>
      </c>
      <c r="H37" s="5" t="s">
        <v>398</v>
      </c>
      <c r="I37" s="5">
        <v>318.58295733994242</v>
      </c>
      <c r="J37" s="5">
        <v>10.042054911292592</v>
      </c>
      <c r="K37" s="5" t="s">
        <v>399</v>
      </c>
      <c r="L37" s="5">
        <v>0.44701835329713319</v>
      </c>
      <c r="M37" s="6">
        <v>2867.5949725048654</v>
      </c>
      <c r="N37" s="5">
        <v>2.0182403468145766</v>
      </c>
      <c r="O37" s="5" t="s">
        <v>400</v>
      </c>
      <c r="P37" s="5">
        <v>3.5267336639176104E-2</v>
      </c>
      <c r="Q37" s="5">
        <v>35.202471704158839</v>
      </c>
      <c r="R37" s="5">
        <v>0.55864668622570268</v>
      </c>
      <c r="S37" s="5">
        <v>9.4343673135643886</v>
      </c>
      <c r="T37" s="5">
        <v>17.195021495975233</v>
      </c>
      <c r="U37" s="5">
        <v>4.6094709809676759</v>
      </c>
      <c r="V37" s="5">
        <v>83.112432650903699</v>
      </c>
      <c r="W37" s="5">
        <v>25.85718769694374</v>
      </c>
      <c r="X37" s="5">
        <v>308.45861693851623</v>
      </c>
      <c r="Y37" s="5">
        <v>112.28555276283009</v>
      </c>
      <c r="Z37" s="5">
        <v>533.26464816318355</v>
      </c>
      <c r="AA37" s="5">
        <v>113.60444331183169</v>
      </c>
      <c r="AB37" s="5">
        <v>1049.5708344207162</v>
      </c>
      <c r="AC37" s="5">
        <v>198.24925868552882</v>
      </c>
      <c r="AD37" s="6">
        <v>11315.702598708574</v>
      </c>
      <c r="AE37" s="5">
        <v>0.63830510248329009</v>
      </c>
      <c r="AF37" s="5">
        <v>70.362099866603899</v>
      </c>
      <c r="AG37" s="5">
        <v>233.18178334299537</v>
      </c>
      <c r="AH37" s="5">
        <v>223.82893974548114</v>
      </c>
    </row>
    <row r="38" spans="1:34" x14ac:dyDescent="0.25">
      <c r="A38" s="4" t="s">
        <v>665</v>
      </c>
      <c r="B38" s="4" t="s">
        <v>666</v>
      </c>
      <c r="C38" s="4">
        <v>30</v>
      </c>
      <c r="D38" s="4" t="s">
        <v>1081</v>
      </c>
      <c r="E38" s="5" t="s">
        <v>667</v>
      </c>
      <c r="F38" s="6">
        <v>230557.84443039098</v>
      </c>
      <c r="G38" s="5">
        <v>757.71143418491056</v>
      </c>
      <c r="H38" s="5">
        <v>93.841896296874111</v>
      </c>
      <c r="I38" s="5">
        <v>311.18925612124667</v>
      </c>
      <c r="J38" s="5">
        <v>7.5454599099864295</v>
      </c>
      <c r="K38" s="5">
        <v>61.264505045593843</v>
      </c>
      <c r="L38" s="5">
        <v>0.56491896927502072</v>
      </c>
      <c r="M38" s="6">
        <v>3422.678013468555</v>
      </c>
      <c r="N38" s="5">
        <v>2.0544655472095519</v>
      </c>
      <c r="O38" s="5" t="s">
        <v>668</v>
      </c>
      <c r="P38" s="5">
        <v>4.7337345351785208E-2</v>
      </c>
      <c r="Q38" s="5">
        <v>43.030769562896104</v>
      </c>
      <c r="R38" s="5">
        <v>0.69282560356171408</v>
      </c>
      <c r="S38" s="5">
        <v>12.619142386278114</v>
      </c>
      <c r="T38" s="5">
        <v>18.944501832906532</v>
      </c>
      <c r="U38" s="5">
        <v>5.2277478125161618</v>
      </c>
      <c r="V38" s="5">
        <v>95.396007538058043</v>
      </c>
      <c r="W38" s="5">
        <v>30.582194328143103</v>
      </c>
      <c r="X38" s="5">
        <v>373.28818831756018</v>
      </c>
      <c r="Y38" s="5">
        <v>140.86423020523256</v>
      </c>
      <c r="Z38" s="5">
        <v>688.88156313568629</v>
      </c>
      <c r="AA38" s="5">
        <v>148.62082960308945</v>
      </c>
      <c r="AB38" s="5">
        <v>1447.6961880764056</v>
      </c>
      <c r="AC38" s="5">
        <v>267.76110638753431</v>
      </c>
      <c r="AD38" s="6">
        <v>12641.166444937317</v>
      </c>
      <c r="AE38" s="5">
        <v>0.7993375894915199</v>
      </c>
      <c r="AF38" s="5">
        <v>122.43502231579494</v>
      </c>
      <c r="AG38" s="5">
        <v>384.07261448615424</v>
      </c>
      <c r="AH38" s="5">
        <v>365.05517191205826</v>
      </c>
    </row>
    <row r="39" spans="1:34" x14ac:dyDescent="0.25">
      <c r="A39" s="4" t="s">
        <v>669</v>
      </c>
      <c r="B39" s="4" t="s">
        <v>670</v>
      </c>
      <c r="C39" s="4">
        <v>30</v>
      </c>
      <c r="D39" s="4" t="s">
        <v>1081</v>
      </c>
      <c r="E39" s="5" t="s">
        <v>671</v>
      </c>
      <c r="F39" s="6">
        <v>207819.52295169578</v>
      </c>
      <c r="G39" s="5">
        <v>472.896269471388</v>
      </c>
      <c r="H39" s="5">
        <v>67.793846391690536</v>
      </c>
      <c r="I39" s="5">
        <v>297.28079230559229</v>
      </c>
      <c r="J39" s="5">
        <v>7.3046004361448276</v>
      </c>
      <c r="K39" s="5">
        <v>11.348676845774046</v>
      </c>
      <c r="L39" s="5">
        <v>0.3712253167882783</v>
      </c>
      <c r="M39" s="6">
        <v>2158.1925963127892</v>
      </c>
      <c r="N39" s="5">
        <v>1.3241852851618978</v>
      </c>
      <c r="O39" s="5" t="s">
        <v>672</v>
      </c>
      <c r="P39" s="5">
        <v>1.4384538963961762E-2</v>
      </c>
      <c r="Q39" s="5">
        <v>32.436515728942183</v>
      </c>
      <c r="R39" s="5">
        <v>0.3288072426467516</v>
      </c>
      <c r="S39" s="5">
        <v>6.297716277920161</v>
      </c>
      <c r="T39" s="5">
        <v>12.849171665392415</v>
      </c>
      <c r="U39" s="5">
        <v>3.3676471740027534</v>
      </c>
      <c r="V39" s="5">
        <v>61.120144317729874</v>
      </c>
      <c r="W39" s="5">
        <v>18.924323932756206</v>
      </c>
      <c r="X39" s="5">
        <v>232.09480797479475</v>
      </c>
      <c r="Y39" s="5">
        <v>87.436045515327606</v>
      </c>
      <c r="Z39" s="5">
        <v>426.88628413997941</v>
      </c>
      <c r="AA39" s="5">
        <v>94.799948530414213</v>
      </c>
      <c r="AB39" s="5">
        <v>930.43430895376957</v>
      </c>
      <c r="AC39" s="5">
        <v>168.16869788329379</v>
      </c>
      <c r="AD39" s="6">
        <v>12658.893964125891</v>
      </c>
      <c r="AE39" s="5">
        <v>0.67911618258498108</v>
      </c>
      <c r="AF39" s="5">
        <v>65.144597962395167</v>
      </c>
      <c r="AG39" s="5">
        <v>209.03400535348766</v>
      </c>
      <c r="AH39" s="5">
        <v>233.44432691475131</v>
      </c>
    </row>
    <row r="40" spans="1:34" x14ac:dyDescent="0.25">
      <c r="A40" s="4" t="s">
        <v>677</v>
      </c>
      <c r="B40" s="4" t="s">
        <v>678</v>
      </c>
      <c r="C40" s="4">
        <v>31</v>
      </c>
      <c r="D40" s="4" t="s">
        <v>1081</v>
      </c>
      <c r="E40" s="5" t="s">
        <v>679</v>
      </c>
      <c r="F40" s="6">
        <v>196383.29644984254</v>
      </c>
      <c r="G40" s="5">
        <v>925.5657025327215</v>
      </c>
      <c r="H40" s="5">
        <v>30.675407600199382</v>
      </c>
      <c r="I40" s="5">
        <v>319.57865913043111</v>
      </c>
      <c r="J40" s="5">
        <v>10.890105561253337</v>
      </c>
      <c r="K40" s="5">
        <v>45.985294241328155</v>
      </c>
      <c r="L40" s="5">
        <v>0.81140894196664226</v>
      </c>
      <c r="M40" s="6">
        <v>5311.7296268913597</v>
      </c>
      <c r="N40" s="5">
        <v>3.8668211073680223</v>
      </c>
      <c r="O40" s="5" t="s">
        <v>680</v>
      </c>
      <c r="P40" s="5">
        <v>0.10722762552375195</v>
      </c>
      <c r="Q40" s="5">
        <v>65.739659281443764</v>
      </c>
      <c r="R40" s="5">
        <v>1.1584406824842262</v>
      </c>
      <c r="S40" s="5">
        <v>18.4891348823332</v>
      </c>
      <c r="T40" s="5">
        <v>29.978773512720753</v>
      </c>
      <c r="U40" s="5">
        <v>8.1993311820030375</v>
      </c>
      <c r="V40" s="5">
        <v>153.0789130320556</v>
      </c>
      <c r="W40" s="5">
        <v>48.279532237302945</v>
      </c>
      <c r="X40" s="5">
        <v>589.97499373910091</v>
      </c>
      <c r="Y40" s="5">
        <v>215.18787209427322</v>
      </c>
      <c r="Z40" s="5">
        <v>1016.697254076886</v>
      </c>
      <c r="AA40" s="5">
        <v>214.68189902535303</v>
      </c>
      <c r="AB40" s="5">
        <v>2014.7621690051967</v>
      </c>
      <c r="AC40" s="5">
        <v>364.6585664577363</v>
      </c>
      <c r="AD40" s="6">
        <v>11107.923109609386</v>
      </c>
      <c r="AE40" s="5">
        <v>1.2020577723236283</v>
      </c>
      <c r="AF40" s="5">
        <v>171.82932086571014</v>
      </c>
      <c r="AG40" s="5">
        <v>620.74293850658592</v>
      </c>
      <c r="AH40" s="5">
        <v>499.20325245633296</v>
      </c>
    </row>
    <row r="41" spans="1:34" x14ac:dyDescent="0.25">
      <c r="A41" s="4" t="s">
        <v>681</v>
      </c>
      <c r="B41" s="4" t="s">
        <v>682</v>
      </c>
      <c r="C41" s="4">
        <v>32</v>
      </c>
      <c r="D41" s="4" t="s">
        <v>1081</v>
      </c>
      <c r="E41" s="5" t="s">
        <v>683</v>
      </c>
      <c r="F41" s="6">
        <v>190394.42676212671</v>
      </c>
      <c r="G41" s="5">
        <v>670.51767483824744</v>
      </c>
      <c r="H41" s="5">
        <v>60.548861931265883</v>
      </c>
      <c r="I41" s="5">
        <v>296.81869553005617</v>
      </c>
      <c r="J41" s="5">
        <v>9.868467335159588</v>
      </c>
      <c r="K41" s="5">
        <v>36.121226431686694</v>
      </c>
      <c r="L41" s="5">
        <v>0.6777560091499002</v>
      </c>
      <c r="M41" s="6">
        <v>3962.0700445141783</v>
      </c>
      <c r="N41" s="5">
        <v>2.9241510161245658</v>
      </c>
      <c r="O41" s="5" t="s">
        <v>684</v>
      </c>
      <c r="P41" s="5">
        <v>9.7028882536352362E-2</v>
      </c>
      <c r="Q41" s="5">
        <v>51.029055427063589</v>
      </c>
      <c r="R41" s="5">
        <v>0.87690261510646217</v>
      </c>
      <c r="S41" s="5">
        <v>14.016842443509356</v>
      </c>
      <c r="T41" s="5">
        <v>22.73681265743928</v>
      </c>
      <c r="U41" s="5">
        <v>5.7773941118042655</v>
      </c>
      <c r="V41" s="5">
        <v>105.44834054148349</v>
      </c>
      <c r="W41" s="5">
        <v>34.323259688575796</v>
      </c>
      <c r="X41" s="5">
        <v>424.23554081125275</v>
      </c>
      <c r="Y41" s="5">
        <v>156.7308114740205</v>
      </c>
      <c r="Z41" s="5">
        <v>763.66729767888773</v>
      </c>
      <c r="AA41" s="5">
        <v>168.75628495477022</v>
      </c>
      <c r="AB41" s="5">
        <v>1629.1957241837524</v>
      </c>
      <c r="AC41" s="5">
        <v>285.46376199026463</v>
      </c>
      <c r="AD41" s="6">
        <v>11296.609599091835</v>
      </c>
      <c r="AE41" s="5">
        <v>1.0449428295227277</v>
      </c>
      <c r="AF41" s="5">
        <v>128.47956018483879</v>
      </c>
      <c r="AG41" s="5">
        <v>466.9542637613165</v>
      </c>
      <c r="AH41" s="5">
        <v>439.68794598687646</v>
      </c>
    </row>
    <row r="42" spans="1:34" x14ac:dyDescent="0.25">
      <c r="A42" s="4" t="s">
        <v>685</v>
      </c>
      <c r="B42" s="4" t="s">
        <v>686</v>
      </c>
      <c r="C42" s="4">
        <v>33</v>
      </c>
      <c r="D42" s="4" t="s">
        <v>1081</v>
      </c>
      <c r="E42" s="5">
        <v>1.3022500918742372</v>
      </c>
      <c r="F42" s="6">
        <v>196808.55336934439</v>
      </c>
      <c r="G42" s="5">
        <v>876.22507860784094</v>
      </c>
      <c r="H42" s="5">
        <v>53.516319464869092</v>
      </c>
      <c r="I42" s="5">
        <v>310.65926067586065</v>
      </c>
      <c r="J42" s="5">
        <v>7.4419075173507672</v>
      </c>
      <c r="K42" s="5">
        <v>22.642535187608495</v>
      </c>
      <c r="L42" s="5">
        <v>0.65616837645845572</v>
      </c>
      <c r="M42" s="6">
        <v>3760.3600424396195</v>
      </c>
      <c r="N42" s="5">
        <v>2.798667815318558</v>
      </c>
      <c r="O42" s="5" t="s">
        <v>687</v>
      </c>
      <c r="P42" s="5">
        <v>5.5421038794055806E-2</v>
      </c>
      <c r="Q42" s="5">
        <v>51.409208715060721</v>
      </c>
      <c r="R42" s="5">
        <v>0.71288359038990157</v>
      </c>
      <c r="S42" s="5">
        <v>11.472137075830474</v>
      </c>
      <c r="T42" s="5">
        <v>19.819390298693573</v>
      </c>
      <c r="U42" s="5">
        <v>4.9501660103064973</v>
      </c>
      <c r="V42" s="5">
        <v>97.675318975169532</v>
      </c>
      <c r="W42" s="5">
        <v>32.060077152580234</v>
      </c>
      <c r="X42" s="5">
        <v>398.97881534418548</v>
      </c>
      <c r="Y42" s="5">
        <v>149.89100872053319</v>
      </c>
      <c r="Z42" s="5">
        <v>731.68043560654633</v>
      </c>
      <c r="AA42" s="5">
        <v>161.59297779552742</v>
      </c>
      <c r="AB42" s="5">
        <v>1567.2467529636751</v>
      </c>
      <c r="AC42" s="5">
        <v>283.29777588992016</v>
      </c>
      <c r="AD42" s="6">
        <v>12069.908465531125</v>
      </c>
      <c r="AE42" s="5">
        <v>1.0991209492955671</v>
      </c>
      <c r="AF42" s="5">
        <v>141.65304226041846</v>
      </c>
      <c r="AG42" s="5">
        <v>503.21185649128824</v>
      </c>
      <c r="AH42" s="5">
        <v>473.28350064135452</v>
      </c>
    </row>
    <row r="43" spans="1:34" x14ac:dyDescent="0.25">
      <c r="A43" s="4" t="s">
        <v>692</v>
      </c>
      <c r="B43" s="4" t="s">
        <v>693</v>
      </c>
      <c r="C43" s="4">
        <v>34</v>
      </c>
      <c r="D43" s="4" t="s">
        <v>1081</v>
      </c>
      <c r="E43" s="5" t="s">
        <v>694</v>
      </c>
      <c r="F43" s="6">
        <v>200191.41125737815</v>
      </c>
      <c r="G43" s="5">
        <v>562.54669472824537</v>
      </c>
      <c r="H43" s="5">
        <v>63.021145814138016</v>
      </c>
      <c r="I43" s="5">
        <v>298.15167352727951</v>
      </c>
      <c r="J43" s="5">
        <v>7.9219638514212312</v>
      </c>
      <c r="K43" s="5">
        <v>18.592261556561294</v>
      </c>
      <c r="L43" s="5">
        <v>0.30497704519319868</v>
      </c>
      <c r="M43" s="6">
        <v>1370.7433139051172</v>
      </c>
      <c r="N43" s="5">
        <v>2.4367728251946339</v>
      </c>
      <c r="O43" s="5">
        <v>0.27427881190137432</v>
      </c>
      <c r="P43" s="5">
        <v>1.5265008267630857E-2</v>
      </c>
      <c r="Q43" s="5">
        <v>40.50822890129087</v>
      </c>
      <c r="R43" s="5">
        <v>0.14403593416280616</v>
      </c>
      <c r="S43" s="5">
        <v>2.860843868531382</v>
      </c>
      <c r="T43" s="5">
        <v>5.6775458105778931</v>
      </c>
      <c r="U43" s="5">
        <v>1.508178835784604</v>
      </c>
      <c r="V43" s="5">
        <v>30.05508281921816</v>
      </c>
      <c r="W43" s="5">
        <v>10.478211730977964</v>
      </c>
      <c r="X43" s="5">
        <v>139.26107610031968</v>
      </c>
      <c r="Y43" s="5">
        <v>53.707641524036717</v>
      </c>
      <c r="Z43" s="5">
        <v>279.2098388084292</v>
      </c>
      <c r="AA43" s="5">
        <v>64.909810457290178</v>
      </c>
      <c r="AB43" s="5">
        <v>656.14958870866815</v>
      </c>
      <c r="AC43" s="5">
        <v>125.00579357456941</v>
      </c>
      <c r="AD43" s="6">
        <v>12885.161897097059</v>
      </c>
      <c r="AE43" s="5">
        <v>1.075987764083163</v>
      </c>
      <c r="AF43" s="5">
        <v>79.970114674190782</v>
      </c>
      <c r="AG43" s="5">
        <v>255.22325882063424</v>
      </c>
      <c r="AH43" s="5">
        <v>296.88297896051643</v>
      </c>
    </row>
    <row r="44" spans="1:34" x14ac:dyDescent="0.25">
      <c r="A44" s="4" t="s">
        <v>698</v>
      </c>
      <c r="B44" s="4" t="s">
        <v>699</v>
      </c>
      <c r="C44" s="4">
        <v>36</v>
      </c>
      <c r="D44" s="4" t="s">
        <v>1081</v>
      </c>
      <c r="E44" s="5" t="s">
        <v>700</v>
      </c>
      <c r="F44" s="6">
        <v>202951.4833367613</v>
      </c>
      <c r="G44" s="5">
        <v>521.1462372009687</v>
      </c>
      <c r="H44" s="5">
        <v>68.524537225279147</v>
      </c>
      <c r="I44" s="5">
        <v>301.58794518537826</v>
      </c>
      <c r="J44" s="5">
        <v>8.7383496500301714</v>
      </c>
      <c r="K44" s="5">
        <v>11.145301778195618</v>
      </c>
      <c r="L44" s="5">
        <v>0.35329519040014196</v>
      </c>
      <c r="M44" s="6">
        <v>2586.0635071424272</v>
      </c>
      <c r="N44" s="5">
        <v>1.4537896933846142</v>
      </c>
      <c r="O44" s="5" t="s">
        <v>701</v>
      </c>
      <c r="P44" s="5">
        <v>2.2925056153670562E-2</v>
      </c>
      <c r="Q44" s="5">
        <v>33.427609273560869</v>
      </c>
      <c r="R44" s="5">
        <v>0.46744557771873091</v>
      </c>
      <c r="S44" s="5">
        <v>8.8372137612459412</v>
      </c>
      <c r="T44" s="5">
        <v>16.831574250763651</v>
      </c>
      <c r="U44" s="5">
        <v>4.4306693941550606</v>
      </c>
      <c r="V44" s="5">
        <v>74.371641092287689</v>
      </c>
      <c r="W44" s="5">
        <v>23.74732251289079</v>
      </c>
      <c r="X44" s="5">
        <v>289.30789548358177</v>
      </c>
      <c r="Y44" s="5">
        <v>105.46143345406649</v>
      </c>
      <c r="Z44" s="5">
        <v>501.66119697275798</v>
      </c>
      <c r="AA44" s="5">
        <v>110.09919107558954</v>
      </c>
      <c r="AB44" s="5">
        <v>1052.0978272921523</v>
      </c>
      <c r="AC44" s="5">
        <v>191.17288471702338</v>
      </c>
      <c r="AD44" s="6">
        <v>12007.283679727519</v>
      </c>
      <c r="AE44" s="5">
        <v>0.6530028195778137</v>
      </c>
      <c r="AF44" s="5">
        <v>68.68541109146345</v>
      </c>
      <c r="AG44" s="5">
        <v>237.72533961749485</v>
      </c>
      <c r="AH44" s="5">
        <v>247.33618265676299</v>
      </c>
    </row>
    <row r="45" spans="1:34" x14ac:dyDescent="0.25">
      <c r="A45" s="4" t="s">
        <v>702</v>
      </c>
      <c r="B45" s="4" t="s">
        <v>703</v>
      </c>
      <c r="C45" s="4">
        <v>37</v>
      </c>
      <c r="D45" s="4" t="s">
        <v>1081</v>
      </c>
      <c r="E45" s="5" t="s">
        <v>704</v>
      </c>
      <c r="F45" s="6">
        <v>200700.5894747219</v>
      </c>
      <c r="G45" s="5">
        <v>623.9368155076221</v>
      </c>
      <c r="H45" s="5">
        <v>68.380354867784149</v>
      </c>
      <c r="I45" s="5">
        <v>301.08877344825652</v>
      </c>
      <c r="J45" s="5">
        <v>8.4030270043936497</v>
      </c>
      <c r="K45" s="5">
        <v>21.723647212283932</v>
      </c>
      <c r="L45" s="5">
        <v>0.51371238257926732</v>
      </c>
      <c r="M45" s="6">
        <v>3315.106238472858</v>
      </c>
      <c r="N45" s="5">
        <v>2.0560547399599662</v>
      </c>
      <c r="O45" s="5">
        <v>0.17135316930384203</v>
      </c>
      <c r="P45" s="5">
        <v>4.3661013449738627E-2</v>
      </c>
      <c r="Q45" s="5">
        <v>41.620526913520557</v>
      </c>
      <c r="R45" s="5">
        <v>0.69074048647370545</v>
      </c>
      <c r="S45" s="5">
        <v>11.925020312961388</v>
      </c>
      <c r="T45" s="5">
        <v>19.959854954833247</v>
      </c>
      <c r="U45" s="5">
        <v>5.2043653819614981</v>
      </c>
      <c r="V45" s="5">
        <v>92.186286714359923</v>
      </c>
      <c r="W45" s="5">
        <v>29.601049743017516</v>
      </c>
      <c r="X45" s="5">
        <v>366.46534192074324</v>
      </c>
      <c r="Y45" s="5">
        <v>134.83842498369472</v>
      </c>
      <c r="Z45" s="5">
        <v>645.949977789537</v>
      </c>
      <c r="AA45" s="5">
        <v>142.56478636840546</v>
      </c>
      <c r="AB45" s="5">
        <v>1400.2114087270593</v>
      </c>
      <c r="AC45" s="5">
        <v>246.07790216901105</v>
      </c>
      <c r="AD45" s="6">
        <v>11848.139172129773</v>
      </c>
      <c r="AE45" s="5">
        <v>0.84789221325809694</v>
      </c>
      <c r="AF45" s="5">
        <v>99.080712608730309</v>
      </c>
      <c r="AG45" s="5">
        <v>346.53548344373519</v>
      </c>
      <c r="AH45" s="5">
        <v>349.54876148433027</v>
      </c>
    </row>
    <row r="46" spans="1:34" x14ac:dyDescent="0.25">
      <c r="A46" s="4" t="s">
        <v>401</v>
      </c>
      <c r="B46" s="4" t="s">
        <v>402</v>
      </c>
      <c r="C46" s="4">
        <v>3</v>
      </c>
      <c r="D46" s="4" t="s">
        <v>1081</v>
      </c>
      <c r="E46" s="5" t="s">
        <v>403</v>
      </c>
      <c r="F46" s="6">
        <v>183191.14593816502</v>
      </c>
      <c r="G46" s="5">
        <v>713.75137999142896</v>
      </c>
      <c r="H46" s="5">
        <v>51.490424375370253</v>
      </c>
      <c r="I46" s="5">
        <v>378.7532444900819</v>
      </c>
      <c r="J46" s="5">
        <v>13.459471078697192</v>
      </c>
      <c r="K46" s="5" t="s">
        <v>404</v>
      </c>
      <c r="L46" s="5">
        <v>0.63620259405965229</v>
      </c>
      <c r="M46" s="6">
        <v>4575.2247734851971</v>
      </c>
      <c r="N46" s="5">
        <v>3.3584935219029464</v>
      </c>
      <c r="O46" s="5" t="s">
        <v>405</v>
      </c>
      <c r="P46" s="5">
        <v>7.940631977982246E-2</v>
      </c>
      <c r="Q46" s="5">
        <v>61.623829012341346</v>
      </c>
      <c r="R46" s="5">
        <v>1.045689529383933</v>
      </c>
      <c r="S46" s="5">
        <v>17.331499680098162</v>
      </c>
      <c r="T46" s="5">
        <v>30.920304965277968</v>
      </c>
      <c r="U46" s="5">
        <v>8.3838435964587852</v>
      </c>
      <c r="V46" s="5">
        <v>142.5473450875198</v>
      </c>
      <c r="W46" s="5">
        <v>44.036635410886447</v>
      </c>
      <c r="X46" s="5">
        <v>517.78255679139443</v>
      </c>
      <c r="Y46" s="5">
        <v>183.64671160235741</v>
      </c>
      <c r="Z46" s="5">
        <v>847.39429065796958</v>
      </c>
      <c r="AA46" s="5">
        <v>175.03716970578216</v>
      </c>
      <c r="AB46" s="5">
        <v>1627.6781963972953</v>
      </c>
      <c r="AC46" s="5">
        <v>284.87726233219342</v>
      </c>
      <c r="AD46" s="6">
        <v>10153.523047442164</v>
      </c>
      <c r="AE46" s="5">
        <v>0.97700306991108299</v>
      </c>
      <c r="AF46" s="5">
        <v>110.18034607705793</v>
      </c>
      <c r="AG46" s="5">
        <v>401.31513971557814</v>
      </c>
      <c r="AH46" s="5">
        <v>343.59265189206894</v>
      </c>
    </row>
    <row r="47" spans="1:34" x14ac:dyDescent="0.25">
      <c r="A47" s="4" t="s">
        <v>442</v>
      </c>
      <c r="B47" s="4" t="s">
        <v>443</v>
      </c>
      <c r="C47" s="4">
        <v>3</v>
      </c>
      <c r="D47" s="4" t="s">
        <v>1081</v>
      </c>
      <c r="E47" s="5" t="s">
        <v>444</v>
      </c>
      <c r="F47" s="6">
        <v>187691.06121495497</v>
      </c>
      <c r="G47" s="5">
        <v>814.57475377371918</v>
      </c>
      <c r="H47" s="5">
        <v>56.950999713885558</v>
      </c>
      <c r="I47" s="5">
        <v>353.46778354692827</v>
      </c>
      <c r="J47" s="5">
        <v>12.87720041641043</v>
      </c>
      <c r="K47" s="5">
        <v>9.6975820300993139</v>
      </c>
      <c r="L47" s="5">
        <v>0.71993820065495095</v>
      </c>
      <c r="M47" s="6">
        <v>4983.7702693151214</v>
      </c>
      <c r="N47" s="5">
        <v>3.5522566292942197</v>
      </c>
      <c r="O47" s="5" t="s">
        <v>445</v>
      </c>
      <c r="P47" s="5">
        <v>9.3551193069596542E-2</v>
      </c>
      <c r="Q47" s="5">
        <v>63.898907349465532</v>
      </c>
      <c r="R47" s="5">
        <v>1.0493118215662232</v>
      </c>
      <c r="S47" s="5">
        <v>18.252901153967549</v>
      </c>
      <c r="T47" s="5">
        <v>31.59092001955181</v>
      </c>
      <c r="U47" s="5">
        <v>8.8195903783395124</v>
      </c>
      <c r="V47" s="5">
        <v>153.69026463160523</v>
      </c>
      <c r="W47" s="5">
        <v>46.728482672730706</v>
      </c>
      <c r="X47" s="5">
        <v>557.59550181532518</v>
      </c>
      <c r="Y47" s="5">
        <v>198.27068130950994</v>
      </c>
      <c r="Z47" s="5">
        <v>918.91975747353854</v>
      </c>
      <c r="AA47" s="5">
        <v>190.58137170283902</v>
      </c>
      <c r="AB47" s="5">
        <v>1755.0385754008403</v>
      </c>
      <c r="AC47" s="5">
        <v>314.8354862811027</v>
      </c>
      <c r="AD47" s="6">
        <v>10352.963684882465</v>
      </c>
      <c r="AE47" s="5">
        <v>1.0774912751018297</v>
      </c>
      <c r="AF47" s="5">
        <v>163.09788892540865</v>
      </c>
      <c r="AG47" s="5">
        <v>478.96833820584123</v>
      </c>
      <c r="AH47" s="5">
        <v>383.09376702862443</v>
      </c>
    </row>
    <row r="48" spans="1:34" x14ac:dyDescent="0.25">
      <c r="A48" s="4" t="s">
        <v>714</v>
      </c>
      <c r="B48" s="4" t="s">
        <v>715</v>
      </c>
      <c r="C48" s="4">
        <v>40</v>
      </c>
      <c r="D48" s="4" t="s">
        <v>1081</v>
      </c>
      <c r="E48" s="5" t="s">
        <v>716</v>
      </c>
      <c r="F48" s="6">
        <v>199729.67146072196</v>
      </c>
      <c r="G48" s="5">
        <v>424.07613722722317</v>
      </c>
      <c r="H48" s="5">
        <v>68.029382298590932</v>
      </c>
      <c r="I48" s="5">
        <v>300.53479554085544</v>
      </c>
      <c r="J48" s="5">
        <v>7.3855700173253274</v>
      </c>
      <c r="K48" s="5" t="s">
        <v>717</v>
      </c>
      <c r="L48" s="5">
        <v>0.38029391555469655</v>
      </c>
      <c r="M48" s="6">
        <v>1888.4366692827773</v>
      </c>
      <c r="N48" s="5">
        <v>1.0813005762247274</v>
      </c>
      <c r="O48" s="5">
        <v>0.25867068934174281</v>
      </c>
      <c r="P48" s="5">
        <v>7.8319187027675249E-3</v>
      </c>
      <c r="Q48" s="5">
        <v>27.496656718485539</v>
      </c>
      <c r="R48" s="5">
        <v>0.22519352503709422</v>
      </c>
      <c r="S48" s="5">
        <v>4.8370677994475439</v>
      </c>
      <c r="T48" s="5">
        <v>10.999794130255044</v>
      </c>
      <c r="U48" s="5">
        <v>3.0740752855765234</v>
      </c>
      <c r="V48" s="5">
        <v>54.413127331048386</v>
      </c>
      <c r="W48" s="5">
        <v>16.608705789003498</v>
      </c>
      <c r="X48" s="5">
        <v>207.83235009128677</v>
      </c>
      <c r="Y48" s="5">
        <v>76.322278288833076</v>
      </c>
      <c r="Z48" s="5">
        <v>370.3886792240956</v>
      </c>
      <c r="AA48" s="5">
        <v>81.04017121666709</v>
      </c>
      <c r="AB48" s="5">
        <v>799.50540779155699</v>
      </c>
      <c r="AC48" s="5">
        <v>143.92892087822614</v>
      </c>
      <c r="AD48" s="6">
        <v>12144.863383893846</v>
      </c>
      <c r="AE48" s="5">
        <v>0.47968935570566062</v>
      </c>
      <c r="AF48" s="5">
        <v>44.098070562755026</v>
      </c>
      <c r="AG48" s="5">
        <v>153.32061108040153</v>
      </c>
      <c r="AH48" s="5">
        <v>172.14735068724008</v>
      </c>
    </row>
    <row r="49" spans="1:34" x14ac:dyDescent="0.25">
      <c r="A49" s="4" t="s">
        <v>718</v>
      </c>
      <c r="B49" s="4" t="s">
        <v>719</v>
      </c>
      <c r="C49" s="4">
        <v>41</v>
      </c>
      <c r="D49" s="4" t="s">
        <v>1081</v>
      </c>
      <c r="E49" s="5" t="s">
        <v>720</v>
      </c>
      <c r="F49" s="6">
        <v>211038.18102152017</v>
      </c>
      <c r="G49" s="5">
        <v>799.31162655691014</v>
      </c>
      <c r="H49" s="5">
        <v>86.636233595889649</v>
      </c>
      <c r="I49" s="5">
        <v>314.69879970868186</v>
      </c>
      <c r="J49" s="5">
        <v>10.152986388986506</v>
      </c>
      <c r="K49" s="5" t="s">
        <v>721</v>
      </c>
      <c r="L49" s="5">
        <v>0.5191716389712886</v>
      </c>
      <c r="M49" s="6">
        <v>3178.7344930215031</v>
      </c>
      <c r="N49" s="5">
        <v>2.7539655189742636</v>
      </c>
      <c r="O49" s="5" t="s">
        <v>722</v>
      </c>
      <c r="P49" s="5">
        <v>3.5997159509641392E-2</v>
      </c>
      <c r="Q49" s="5">
        <v>51.347231777004886</v>
      </c>
      <c r="R49" s="5">
        <v>0.63350146454299816</v>
      </c>
      <c r="S49" s="5">
        <v>10.930764068038831</v>
      </c>
      <c r="T49" s="5">
        <v>18.412278678926224</v>
      </c>
      <c r="U49" s="5">
        <v>4.6680028064692882</v>
      </c>
      <c r="V49" s="5">
        <v>85.642327101325108</v>
      </c>
      <c r="W49" s="5">
        <v>27.802636027912349</v>
      </c>
      <c r="X49" s="5">
        <v>349.45807159839944</v>
      </c>
      <c r="Y49" s="5">
        <v>129.69742553893548</v>
      </c>
      <c r="Z49" s="5">
        <v>630.76747088579339</v>
      </c>
      <c r="AA49" s="5">
        <v>139.70165907118718</v>
      </c>
      <c r="AB49" s="5">
        <v>1365.9437702848513</v>
      </c>
      <c r="AC49" s="5">
        <v>240.99086264184837</v>
      </c>
      <c r="AD49" s="6">
        <v>11925.94041687475</v>
      </c>
      <c r="AE49" s="5">
        <v>1.0737742813065734</v>
      </c>
      <c r="AF49" s="5">
        <v>141.14759109446152</v>
      </c>
      <c r="AG49" s="5">
        <v>460.34356629055071</v>
      </c>
      <c r="AH49" s="5">
        <v>427.05458261094486</v>
      </c>
    </row>
    <row r="50" spans="1:34" x14ac:dyDescent="0.25">
      <c r="A50" s="4" t="s">
        <v>726</v>
      </c>
      <c r="B50" s="4" t="s">
        <v>727</v>
      </c>
      <c r="C50" s="4">
        <v>43</v>
      </c>
      <c r="D50" s="4" t="s">
        <v>1081</v>
      </c>
      <c r="E50" s="5">
        <v>0.94337330697485966</v>
      </c>
      <c r="F50" s="6">
        <v>207925.1540931362</v>
      </c>
      <c r="G50" s="5">
        <v>697.10776618001785</v>
      </c>
      <c r="H50" s="5">
        <v>77.555421799588174</v>
      </c>
      <c r="I50" s="5">
        <v>324.63062927514102</v>
      </c>
      <c r="J50" s="5">
        <v>11.270938547657444</v>
      </c>
      <c r="K50" s="5">
        <v>10.971436841349867</v>
      </c>
      <c r="L50" s="5">
        <v>0.27867761159835053</v>
      </c>
      <c r="M50" s="6">
        <v>1567.6805835925013</v>
      </c>
      <c r="N50" s="5">
        <v>2.3518967663582346</v>
      </c>
      <c r="O50" s="5" t="s">
        <v>728</v>
      </c>
      <c r="P50" s="5">
        <v>1.6251901810076051E-2</v>
      </c>
      <c r="Q50" s="5">
        <v>39.896721438786656</v>
      </c>
      <c r="R50" s="5">
        <v>0.22481135705959981</v>
      </c>
      <c r="S50" s="5">
        <v>3.6751837176971742</v>
      </c>
      <c r="T50" s="5">
        <v>7.5820499537210333</v>
      </c>
      <c r="U50" s="5">
        <v>2.0881274749839855</v>
      </c>
      <c r="V50" s="5">
        <v>37.259762744353111</v>
      </c>
      <c r="W50" s="5">
        <v>12.739282579822779</v>
      </c>
      <c r="X50" s="5">
        <v>164.06663448971386</v>
      </c>
      <c r="Y50" s="5">
        <v>63.630341672269253</v>
      </c>
      <c r="Z50" s="5">
        <v>316.97688012372612</v>
      </c>
      <c r="AA50" s="5">
        <v>71.896962755950568</v>
      </c>
      <c r="AB50" s="5">
        <v>720.54525187627712</v>
      </c>
      <c r="AC50" s="5">
        <v>128.43467970167632</v>
      </c>
      <c r="AD50" s="6">
        <v>11715.395683523155</v>
      </c>
      <c r="AE50" s="5">
        <v>0.97776616174643738</v>
      </c>
      <c r="AF50" s="5">
        <v>93.069019222292468</v>
      </c>
      <c r="AG50" s="5">
        <v>308.48257204202991</v>
      </c>
      <c r="AH50" s="5">
        <v>317.99762068223731</v>
      </c>
    </row>
    <row r="51" spans="1:34" x14ac:dyDescent="0.25">
      <c r="A51" s="4" t="s">
        <v>406</v>
      </c>
      <c r="B51" s="4" t="s">
        <v>407</v>
      </c>
      <c r="C51" s="4">
        <v>4</v>
      </c>
      <c r="D51" s="4" t="s">
        <v>1081</v>
      </c>
      <c r="E51" s="5">
        <v>1.1875608180294994</v>
      </c>
      <c r="F51" s="6">
        <v>187887.21182626762</v>
      </c>
      <c r="G51" s="5">
        <v>661.60728320075839</v>
      </c>
      <c r="H51" s="5">
        <v>47.738555401245094</v>
      </c>
      <c r="I51" s="5">
        <v>321.78617968934293</v>
      </c>
      <c r="J51" s="5">
        <v>9.3814006805701826</v>
      </c>
      <c r="K51" s="5">
        <v>27.060265035509602</v>
      </c>
      <c r="L51" s="5">
        <v>0.46884303271291128</v>
      </c>
      <c r="M51" s="6">
        <v>2420.8029388319082</v>
      </c>
      <c r="N51" s="5">
        <v>3.7316725549639815</v>
      </c>
      <c r="O51" s="5" t="s">
        <v>408</v>
      </c>
      <c r="P51" s="5">
        <v>0.12278757550116337</v>
      </c>
      <c r="Q51" s="5">
        <v>55.709729939050376</v>
      </c>
      <c r="R51" s="5">
        <v>0.45700784309346287</v>
      </c>
      <c r="S51" s="5">
        <v>6.9549368881983256</v>
      </c>
      <c r="T51" s="5">
        <v>12.139491416888893</v>
      </c>
      <c r="U51" s="5">
        <v>2.9213140229970307</v>
      </c>
      <c r="V51" s="5">
        <v>56.11664586210253</v>
      </c>
      <c r="W51" s="5">
        <v>18.949164490494155</v>
      </c>
      <c r="X51" s="5">
        <v>238.95451556257834</v>
      </c>
      <c r="Y51" s="5">
        <v>91.211085488521775</v>
      </c>
      <c r="Z51" s="5">
        <v>454.78041709432091</v>
      </c>
      <c r="AA51" s="5">
        <v>101.48691773353993</v>
      </c>
      <c r="AB51" s="5">
        <v>977.54026754401889</v>
      </c>
      <c r="AC51" s="5">
        <v>183.10022225580019</v>
      </c>
      <c r="AD51" s="6">
        <v>11493.453374474222</v>
      </c>
      <c r="AE51" s="5">
        <v>1.1537187631071841</v>
      </c>
      <c r="AF51" s="5">
        <v>120.53886470973669</v>
      </c>
      <c r="AG51" s="5">
        <v>426.79616339716023</v>
      </c>
      <c r="AH51" s="5">
        <v>394.36328618033889</v>
      </c>
    </row>
    <row r="52" spans="1:34" x14ac:dyDescent="0.25">
      <c r="A52" s="4" t="s">
        <v>409</v>
      </c>
      <c r="B52" s="4" t="s">
        <v>410</v>
      </c>
      <c r="C52" s="4">
        <v>5</v>
      </c>
      <c r="D52" s="4" t="s">
        <v>1081</v>
      </c>
      <c r="E52" s="5" t="s">
        <v>411</v>
      </c>
      <c r="F52" s="6">
        <v>185769.3366987395</v>
      </c>
      <c r="G52" s="5">
        <v>666.71810030994379</v>
      </c>
      <c r="H52" s="5">
        <v>46.966709053687573</v>
      </c>
      <c r="I52" s="5">
        <v>304.01456633186683</v>
      </c>
      <c r="J52" s="5">
        <v>7.1956794527175916</v>
      </c>
      <c r="K52" s="5">
        <v>46.177457506434315</v>
      </c>
      <c r="L52" s="5">
        <v>0.69333597432670246</v>
      </c>
      <c r="M52" s="6">
        <v>4031.8231075519352</v>
      </c>
      <c r="N52" s="5">
        <v>3.0180278468483892</v>
      </c>
      <c r="O52" s="5">
        <v>0.37188246435399697</v>
      </c>
      <c r="P52" s="5">
        <v>5.4430071238026102E-2</v>
      </c>
      <c r="Q52" s="5">
        <v>47.563768544237163</v>
      </c>
      <c r="R52" s="5">
        <v>0.82425374702726506</v>
      </c>
      <c r="S52" s="5">
        <v>13.064184883392507</v>
      </c>
      <c r="T52" s="5">
        <v>19.844257407249682</v>
      </c>
      <c r="U52" s="5">
        <v>5.1366908063332097</v>
      </c>
      <c r="V52" s="5">
        <v>97.956222253828557</v>
      </c>
      <c r="W52" s="5">
        <v>32.268908653349939</v>
      </c>
      <c r="X52" s="5">
        <v>411.33027968316588</v>
      </c>
      <c r="Y52" s="5">
        <v>157.07413098994218</v>
      </c>
      <c r="Z52" s="5">
        <v>770.86734238323174</v>
      </c>
      <c r="AA52" s="5">
        <v>168.40495457877211</v>
      </c>
      <c r="AB52" s="5">
        <v>1633.3447944313828</v>
      </c>
      <c r="AC52" s="5">
        <v>299.87930950321856</v>
      </c>
      <c r="AD52" s="6">
        <v>11615.119621457548</v>
      </c>
      <c r="AE52" s="5">
        <v>1.0511119495434127</v>
      </c>
      <c r="AF52" s="5">
        <v>139.73667131554919</v>
      </c>
      <c r="AG52" s="5">
        <v>496.40473683408283</v>
      </c>
      <c r="AH52" s="5">
        <v>461.40025852399026</v>
      </c>
    </row>
    <row r="53" spans="1:34" x14ac:dyDescent="0.25">
      <c r="A53" s="4" t="s">
        <v>412</v>
      </c>
      <c r="B53" s="4" t="s">
        <v>413</v>
      </c>
      <c r="C53" s="4">
        <v>5</v>
      </c>
      <c r="D53" s="4" t="s">
        <v>1081</v>
      </c>
      <c r="E53" s="5" t="s">
        <v>414</v>
      </c>
      <c r="F53" s="6">
        <v>188115.07559471016</v>
      </c>
      <c r="G53" s="5">
        <v>659.51551332404165</v>
      </c>
      <c r="H53" s="5">
        <v>34.57450579524798</v>
      </c>
      <c r="I53" s="5">
        <v>329.06679074394947</v>
      </c>
      <c r="J53" s="5">
        <v>11.224195282972964</v>
      </c>
      <c r="K53" s="5">
        <v>12.42127712461256</v>
      </c>
      <c r="L53" s="5">
        <v>0.39145795897927077</v>
      </c>
      <c r="M53" s="6">
        <v>2283.7853913973881</v>
      </c>
      <c r="N53" s="5">
        <v>4.3222998158002746</v>
      </c>
      <c r="O53" s="5" t="s">
        <v>415</v>
      </c>
      <c r="P53" s="5">
        <v>4.2325804398343138E-2</v>
      </c>
      <c r="Q53" s="5">
        <v>65.76458789386777</v>
      </c>
      <c r="R53" s="5">
        <v>0.31867223330000072</v>
      </c>
      <c r="S53" s="5">
        <v>5.2772015112183857</v>
      </c>
      <c r="T53" s="5">
        <v>10.643131663817632</v>
      </c>
      <c r="U53" s="5">
        <v>2.6158499316369141</v>
      </c>
      <c r="V53" s="5">
        <v>53.402386828815153</v>
      </c>
      <c r="W53" s="5">
        <v>17.610336986840682</v>
      </c>
      <c r="X53" s="5">
        <v>225.47248026625667</v>
      </c>
      <c r="Y53" s="5">
        <v>86.44546058145454</v>
      </c>
      <c r="Z53" s="5">
        <v>429.91492501842515</v>
      </c>
      <c r="AA53" s="5">
        <v>95.825724073520789</v>
      </c>
      <c r="AB53" s="5">
        <v>931.58767169422129</v>
      </c>
      <c r="AC53" s="5">
        <v>172.93692178397797</v>
      </c>
      <c r="AD53" s="6">
        <v>10976.603618056852</v>
      </c>
      <c r="AE53" s="5">
        <v>1.4095507424757492</v>
      </c>
      <c r="AF53" s="5">
        <v>102.10009812704584</v>
      </c>
      <c r="AG53" s="5">
        <v>355.04353625130125</v>
      </c>
      <c r="AH53" s="5">
        <v>355.75717734169575</v>
      </c>
    </row>
    <row r="54" spans="1:34" x14ac:dyDescent="0.25">
      <c r="A54" s="4" t="s">
        <v>416</v>
      </c>
      <c r="B54" s="4" t="s">
        <v>417</v>
      </c>
      <c r="C54" s="4">
        <v>6</v>
      </c>
      <c r="D54" s="4" t="s">
        <v>1081</v>
      </c>
      <c r="E54" s="5" t="s">
        <v>418</v>
      </c>
      <c r="F54" s="6">
        <v>188657.27282210111</v>
      </c>
      <c r="G54" s="5">
        <v>771.09946606870028</v>
      </c>
      <c r="H54" s="5">
        <v>55.499922782111668</v>
      </c>
      <c r="I54" s="5">
        <v>314.66518786137908</v>
      </c>
      <c r="J54" s="5">
        <v>11.102563197518826</v>
      </c>
      <c r="K54" s="5" t="s">
        <v>419</v>
      </c>
      <c r="L54" s="5">
        <v>0.61818027640024698</v>
      </c>
      <c r="M54" s="6">
        <v>4679.9659756744995</v>
      </c>
      <c r="N54" s="5">
        <v>3.393361037049424</v>
      </c>
      <c r="O54" s="5" t="s">
        <v>420</v>
      </c>
      <c r="P54" s="5">
        <v>9.3334301901230474E-2</v>
      </c>
      <c r="Q54" s="5">
        <v>57.103877851568726</v>
      </c>
      <c r="R54" s="5">
        <v>1.0336246597718339</v>
      </c>
      <c r="S54" s="5">
        <v>15.829217684401986</v>
      </c>
      <c r="T54" s="5">
        <v>26.863371000475293</v>
      </c>
      <c r="U54" s="5">
        <v>7.3556839653059116</v>
      </c>
      <c r="V54" s="5">
        <v>132.47877649594</v>
      </c>
      <c r="W54" s="5">
        <v>42.082455014573235</v>
      </c>
      <c r="X54" s="5">
        <v>509.26731884315586</v>
      </c>
      <c r="Y54" s="5">
        <v>187.4583011830247</v>
      </c>
      <c r="Z54" s="5">
        <v>879.82767673423223</v>
      </c>
      <c r="AA54" s="5">
        <v>186.23600053967613</v>
      </c>
      <c r="AB54" s="5">
        <v>1739.3429040622816</v>
      </c>
      <c r="AC54" s="5">
        <v>316.88568507170038</v>
      </c>
      <c r="AD54" s="6">
        <v>10862.014451915409</v>
      </c>
      <c r="AE54" s="5">
        <v>1.103621512831559</v>
      </c>
      <c r="AF54" s="5">
        <v>146.85381969296247</v>
      </c>
      <c r="AG54" s="5">
        <v>510.8348588585643</v>
      </c>
      <c r="AH54" s="5">
        <v>433.49419529328725</v>
      </c>
    </row>
    <row r="55" spans="1:34" x14ac:dyDescent="0.25">
      <c r="A55" s="4" t="s">
        <v>421</v>
      </c>
      <c r="B55" s="4" t="s">
        <v>422</v>
      </c>
      <c r="C55" s="4">
        <v>7</v>
      </c>
      <c r="D55" s="4" t="s">
        <v>1081</v>
      </c>
      <c r="E55" s="5" t="s">
        <v>423</v>
      </c>
      <c r="F55" s="6">
        <v>189771.12013124436</v>
      </c>
      <c r="G55" s="5">
        <v>493.14755722075319</v>
      </c>
      <c r="H55" s="5">
        <v>51.734763792884507</v>
      </c>
      <c r="I55" s="5">
        <v>303.45574742207612</v>
      </c>
      <c r="J55" s="5">
        <v>8.0449032114195891</v>
      </c>
      <c r="K55" s="5">
        <v>9.6983142439028232</v>
      </c>
      <c r="L55" s="5">
        <v>0.48965304966943657</v>
      </c>
      <c r="M55" s="6">
        <v>2711.6786422134619</v>
      </c>
      <c r="N55" s="5">
        <v>1.7658634172316667</v>
      </c>
      <c r="O55" s="5" t="s">
        <v>424</v>
      </c>
      <c r="P55" s="5">
        <v>2.603655878800238E-2</v>
      </c>
      <c r="Q55" s="5">
        <v>35.099407200527615</v>
      </c>
      <c r="R55" s="5">
        <v>0.51590554192025795</v>
      </c>
      <c r="S55" s="5">
        <v>9.5661781501381071</v>
      </c>
      <c r="T55" s="5">
        <v>16.654304620253878</v>
      </c>
      <c r="U55" s="5">
        <v>3.9804325308661168</v>
      </c>
      <c r="V55" s="5">
        <v>74.473537626825305</v>
      </c>
      <c r="W55" s="5">
        <v>23.414754745735163</v>
      </c>
      <c r="X55" s="5">
        <v>292.29810555730069</v>
      </c>
      <c r="Y55" s="5">
        <v>107.7413391015356</v>
      </c>
      <c r="Z55" s="5">
        <v>524.80707114627273</v>
      </c>
      <c r="AA55" s="5">
        <v>114.27043289227819</v>
      </c>
      <c r="AB55" s="5">
        <v>1106.8837045161692</v>
      </c>
      <c r="AC55" s="5">
        <v>201.62696897671421</v>
      </c>
      <c r="AD55" s="6">
        <v>11999.103771124484</v>
      </c>
      <c r="AE55" s="5">
        <v>0.73788211893941469</v>
      </c>
      <c r="AF55" s="5">
        <v>74.386399674945054</v>
      </c>
      <c r="AG55" s="5">
        <v>266.6667225686254</v>
      </c>
      <c r="AH55" s="5">
        <v>273.37257571879439</v>
      </c>
    </row>
    <row r="56" spans="1:34" x14ac:dyDescent="0.25">
      <c r="A56" s="4" t="s">
        <v>425</v>
      </c>
      <c r="B56" s="4" t="s">
        <v>426</v>
      </c>
      <c r="C56" s="4">
        <v>8</v>
      </c>
      <c r="D56" s="4" t="s">
        <v>1081</v>
      </c>
      <c r="E56" s="5" t="s">
        <v>427</v>
      </c>
      <c r="F56" s="6">
        <v>188732.09444926365</v>
      </c>
      <c r="G56" s="5">
        <v>837.5682336285065</v>
      </c>
      <c r="H56" s="5">
        <v>54.296171967356187</v>
      </c>
      <c r="I56" s="5">
        <v>303.62919462405097</v>
      </c>
      <c r="J56" s="5">
        <v>10.048489821886637</v>
      </c>
      <c r="K56" s="5">
        <v>17.035525713127466</v>
      </c>
      <c r="L56" s="5">
        <v>0.68486001438057864</v>
      </c>
      <c r="M56" s="6">
        <v>5091.3525141421951</v>
      </c>
      <c r="N56" s="5">
        <v>4.1516896602410931</v>
      </c>
      <c r="O56" s="5" t="s">
        <v>428</v>
      </c>
      <c r="P56" s="5">
        <v>8.0157272825365167E-2</v>
      </c>
      <c r="Q56" s="5">
        <v>65.388739606411974</v>
      </c>
      <c r="R56" s="5">
        <v>1.0758759260547361</v>
      </c>
      <c r="S56" s="5">
        <v>16.555077627007194</v>
      </c>
      <c r="T56" s="5">
        <v>27.89273971987571</v>
      </c>
      <c r="U56" s="5">
        <v>7.1223480064873934</v>
      </c>
      <c r="V56" s="5">
        <v>135.43365933770772</v>
      </c>
      <c r="W56" s="5">
        <v>43.483293113724194</v>
      </c>
      <c r="X56" s="5">
        <v>540.93309191894764</v>
      </c>
      <c r="Y56" s="5">
        <v>201.66560675968913</v>
      </c>
      <c r="Z56" s="5">
        <v>968.38613004502736</v>
      </c>
      <c r="AA56" s="5">
        <v>207.17236730963202</v>
      </c>
      <c r="AB56" s="5">
        <v>1967.7500995661326</v>
      </c>
      <c r="AC56" s="5">
        <v>348.18633631834814</v>
      </c>
      <c r="AD56" s="6">
        <v>11131.57053391935</v>
      </c>
      <c r="AE56" s="5">
        <v>1.3129158649172206</v>
      </c>
      <c r="AF56" s="5">
        <v>180.9305034471933</v>
      </c>
      <c r="AG56" s="5">
        <v>636.69367039477345</v>
      </c>
      <c r="AH56" s="5">
        <v>533.22007404155102</v>
      </c>
    </row>
    <row r="57" spans="1:34" s="2" customFormat="1" x14ac:dyDescent="0.25">
      <c r="A57" s="4" t="s">
        <v>429</v>
      </c>
      <c r="B57" s="4" t="s">
        <v>430</v>
      </c>
      <c r="C57" s="4">
        <v>9</v>
      </c>
      <c r="D57" s="4" t="s">
        <v>1081</v>
      </c>
      <c r="E57" s="5" t="s">
        <v>431</v>
      </c>
      <c r="F57" s="6">
        <v>188420.64153880044</v>
      </c>
      <c r="G57" s="5">
        <v>718.96508921768975</v>
      </c>
      <c r="H57" s="5">
        <v>56.234614760198887</v>
      </c>
      <c r="I57" s="5">
        <v>348.85582606259544</v>
      </c>
      <c r="J57" s="5">
        <v>11.258403402357628</v>
      </c>
      <c r="K57" s="5" t="s">
        <v>432</v>
      </c>
      <c r="L57" s="5">
        <v>0.5382425916167114</v>
      </c>
      <c r="M57" s="6">
        <v>4102.3304123085463</v>
      </c>
      <c r="N57" s="5">
        <v>2.6636012812587975</v>
      </c>
      <c r="O57" s="5" t="s">
        <v>433</v>
      </c>
      <c r="P57" s="5">
        <v>7.1028745936017296E-2</v>
      </c>
      <c r="Q57" s="5">
        <v>51.710107726224493</v>
      </c>
      <c r="R57" s="5">
        <v>0.89279705184356695</v>
      </c>
      <c r="S57" s="5">
        <v>15.199448113954528</v>
      </c>
      <c r="T57" s="5">
        <v>27.576443921114642</v>
      </c>
      <c r="U57" s="5">
        <v>7.0168931939455588</v>
      </c>
      <c r="V57" s="5">
        <v>127.77812319497689</v>
      </c>
      <c r="W57" s="5">
        <v>39.793602722369087</v>
      </c>
      <c r="X57" s="5">
        <v>473.99752294759702</v>
      </c>
      <c r="Y57" s="5">
        <v>169.4865335891009</v>
      </c>
      <c r="Z57" s="5">
        <v>792.40924777742021</v>
      </c>
      <c r="AA57" s="5">
        <v>165.32205456244864</v>
      </c>
      <c r="AB57" s="5">
        <v>1544.0303601882022</v>
      </c>
      <c r="AC57" s="5">
        <v>273.45256474776869</v>
      </c>
      <c r="AD57" s="6">
        <v>10889.220814488795</v>
      </c>
      <c r="AE57" s="5">
        <v>0.92767050079724267</v>
      </c>
      <c r="AF57" s="5">
        <v>104.88310896564563</v>
      </c>
      <c r="AG57" s="5">
        <v>377.10386336411011</v>
      </c>
      <c r="AH57" s="5">
        <v>326.63362752030474</v>
      </c>
    </row>
  </sheetData>
  <sortState ref="A5:BO64">
    <sortCondition ref="D64"/>
  </sortState>
  <conditionalFormatting sqref="A1:D1">
    <cfRule type="containsText" dxfId="2" priority="1" operator="containsText" text="&lt;">
      <formula>NOT(ISERROR(SEARCH("&lt;",A1)))</formula>
    </cfRule>
  </conditionalFormatting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H21"/>
  <sheetViews>
    <sheetView topLeftCell="C1" zoomScale="80" zoomScaleNormal="80" workbookViewId="0">
      <pane ySplit="1" topLeftCell="A2" activePane="bottomLeft" state="frozen"/>
      <selection activeCell="BQ47" sqref="BQ47"/>
      <selection pane="bottomLeft" activeCell="R38" sqref="R38"/>
    </sheetView>
  </sheetViews>
  <sheetFormatPr defaultRowHeight="15" x14ac:dyDescent="0.25"/>
  <cols>
    <col min="1" max="1" width="17.42578125" style="2" bestFit="1" customWidth="1"/>
    <col min="2" max="2" width="14.7109375" style="2" bestFit="1" customWidth="1"/>
    <col min="3" max="4" width="14.7109375" style="2" customWidth="1"/>
    <col min="5" max="5" width="11.28515625" style="2" customWidth="1"/>
    <col min="6" max="34" width="9.7109375" style="2" customWidth="1"/>
    <col min="35" max="16384" width="9.140625" style="2"/>
  </cols>
  <sheetData>
    <row r="1" spans="1:34" x14ac:dyDescent="0.25">
      <c r="A1" s="4" t="s">
        <v>1149</v>
      </c>
      <c r="B1" s="4" t="s">
        <v>1150</v>
      </c>
      <c r="C1" s="4" t="s">
        <v>1082</v>
      </c>
      <c r="D1" s="4" t="s">
        <v>1083</v>
      </c>
      <c r="E1" s="4" t="s">
        <v>1151</v>
      </c>
      <c r="F1" s="4" t="s">
        <v>0</v>
      </c>
      <c r="G1" s="4" t="s">
        <v>1</v>
      </c>
      <c r="H1" s="4" t="s">
        <v>2</v>
      </c>
      <c r="I1" s="4" t="s">
        <v>3</v>
      </c>
      <c r="J1" s="4" t="s">
        <v>4</v>
      </c>
      <c r="K1" s="4" t="s">
        <v>5</v>
      </c>
      <c r="L1" s="4" t="s">
        <v>6</v>
      </c>
      <c r="M1" s="4" t="s">
        <v>7</v>
      </c>
      <c r="N1" s="4" t="s">
        <v>8</v>
      </c>
      <c r="O1" s="4" t="s">
        <v>9</v>
      </c>
      <c r="P1" s="4" t="s">
        <v>10</v>
      </c>
      <c r="Q1" s="4" t="s">
        <v>11</v>
      </c>
      <c r="R1" s="4" t="s">
        <v>12</v>
      </c>
      <c r="S1" s="4" t="s">
        <v>13</v>
      </c>
      <c r="T1" s="4" t="s">
        <v>14</v>
      </c>
      <c r="U1" s="4" t="s">
        <v>15</v>
      </c>
      <c r="V1" s="4" t="s">
        <v>16</v>
      </c>
      <c r="W1" s="4" t="s">
        <v>17</v>
      </c>
      <c r="X1" s="4" t="s">
        <v>18</v>
      </c>
      <c r="Y1" s="4" t="s">
        <v>19</v>
      </c>
      <c r="Z1" s="4" t="s">
        <v>20</v>
      </c>
      <c r="AA1" s="4" t="s">
        <v>21</v>
      </c>
      <c r="AB1" s="4" t="s">
        <v>22</v>
      </c>
      <c r="AC1" s="4" t="s">
        <v>23</v>
      </c>
      <c r="AD1" s="4" t="s">
        <v>24</v>
      </c>
      <c r="AE1" s="4" t="s">
        <v>25</v>
      </c>
      <c r="AF1" s="4" t="s">
        <v>26</v>
      </c>
      <c r="AG1" s="4" t="s">
        <v>27</v>
      </c>
      <c r="AH1" s="4" t="s">
        <v>28</v>
      </c>
    </row>
    <row r="2" spans="1:34" x14ac:dyDescent="0.25">
      <c r="A2" s="4" t="s">
        <v>1031</v>
      </c>
      <c r="B2" s="4" t="s">
        <v>1032</v>
      </c>
      <c r="C2" s="4">
        <v>11</v>
      </c>
      <c r="D2" s="4" t="s">
        <v>1080</v>
      </c>
      <c r="E2" s="5" t="s">
        <v>1033</v>
      </c>
      <c r="F2" s="6">
        <v>179572.94224910214</v>
      </c>
      <c r="G2" s="5">
        <v>474.14439480157523</v>
      </c>
      <c r="H2" s="5">
        <v>46.469988455716134</v>
      </c>
      <c r="I2" s="5">
        <v>342.12413090948331</v>
      </c>
      <c r="J2" s="5">
        <v>9.3670498525519204</v>
      </c>
      <c r="K2" s="5">
        <v>38.025180604961712</v>
      </c>
      <c r="L2" s="5">
        <v>0.24487023082722648</v>
      </c>
      <c r="M2" s="6">
        <v>1205.2458345377456</v>
      </c>
      <c r="N2" s="5">
        <v>2.8532212532392895</v>
      </c>
      <c r="O2" s="5" t="s">
        <v>1034</v>
      </c>
      <c r="P2" s="5">
        <v>5.5853436611225993E-2</v>
      </c>
      <c r="Q2" s="5">
        <v>20.019461918670132</v>
      </c>
      <c r="R2" s="5">
        <v>0.16716996718571459</v>
      </c>
      <c r="S2" s="5">
        <v>3.054171279767925</v>
      </c>
      <c r="T2" s="5">
        <v>6.5289895794999637</v>
      </c>
      <c r="U2" s="5">
        <v>1.0239491027867438</v>
      </c>
      <c r="V2" s="5">
        <v>32.322256916505495</v>
      </c>
      <c r="W2" s="5">
        <v>10.314114809620405</v>
      </c>
      <c r="X2" s="5">
        <v>127.46824266968859</v>
      </c>
      <c r="Y2" s="5">
        <v>47.841329415026586</v>
      </c>
      <c r="Z2" s="5">
        <v>234.65777157108204</v>
      </c>
      <c r="AA2" s="5">
        <v>51.567484175995723</v>
      </c>
      <c r="AB2" s="5">
        <v>518.92556020799327</v>
      </c>
      <c r="AC2" s="5">
        <v>89.838653979452758</v>
      </c>
      <c r="AD2" s="6">
        <v>10233.355507746764</v>
      </c>
      <c r="AE2" s="5">
        <v>1.0282849844596971</v>
      </c>
      <c r="AF2" s="5">
        <v>68.655980850190701</v>
      </c>
      <c r="AG2" s="5">
        <v>247.10368143905839</v>
      </c>
      <c r="AH2" s="5">
        <v>325.97073222255949</v>
      </c>
    </row>
    <row r="3" spans="1:34" x14ac:dyDescent="0.25">
      <c r="A3" s="4" t="s">
        <v>1055</v>
      </c>
      <c r="B3" s="4" t="s">
        <v>1056</v>
      </c>
      <c r="C3" s="4">
        <v>17</v>
      </c>
      <c r="D3" s="4" t="s">
        <v>1080</v>
      </c>
      <c r="E3" s="5" t="s">
        <v>1133</v>
      </c>
      <c r="F3" s="6">
        <v>164153.96361086416</v>
      </c>
      <c r="G3" s="5">
        <v>353.00094681364658</v>
      </c>
      <c r="H3" s="5" t="s">
        <v>1134</v>
      </c>
      <c r="I3" s="5">
        <v>337.41310807637029</v>
      </c>
      <c r="J3" s="5">
        <v>8.5357165568222335</v>
      </c>
      <c r="K3" s="5">
        <v>16.22868719293502</v>
      </c>
      <c r="L3" s="5">
        <v>0.22223545265730554</v>
      </c>
      <c r="M3" s="6">
        <v>2030.1237761134714</v>
      </c>
      <c r="N3" s="5">
        <v>2.9107198760208801</v>
      </c>
      <c r="O3" s="5" t="s">
        <v>1135</v>
      </c>
      <c r="P3" s="5">
        <v>2.0750557457589417E-2</v>
      </c>
      <c r="Q3" s="5">
        <v>16.214354577179837</v>
      </c>
      <c r="R3" s="5">
        <v>0.37631243062983338</v>
      </c>
      <c r="S3" s="5">
        <v>5.7898912843641126</v>
      </c>
      <c r="T3" s="5">
        <v>10.440909688139481</v>
      </c>
      <c r="U3" s="5">
        <v>2.1185677424224858</v>
      </c>
      <c r="V3" s="5">
        <v>54.232528705988244</v>
      </c>
      <c r="W3" s="5">
        <v>15.903375609870858</v>
      </c>
      <c r="X3" s="5">
        <v>193.48063922403173</v>
      </c>
      <c r="Y3" s="5">
        <v>71.048955493358037</v>
      </c>
      <c r="Z3" s="5">
        <v>334.95911901125623</v>
      </c>
      <c r="AA3" s="5">
        <v>70.801330100650716</v>
      </c>
      <c r="AB3" s="5">
        <v>685.51441494402093</v>
      </c>
      <c r="AC3" s="5">
        <v>124.90844032537123</v>
      </c>
      <c r="AD3" s="6">
        <v>8548.4367315872805</v>
      </c>
      <c r="AE3" s="5">
        <v>0.84578209013220762</v>
      </c>
      <c r="AF3" s="5">
        <v>49.687773124770125</v>
      </c>
      <c r="AG3" s="5">
        <v>178.91468408394311</v>
      </c>
      <c r="AH3" s="5">
        <v>248.99855639276504</v>
      </c>
    </row>
    <row r="4" spans="1:34" x14ac:dyDescent="0.25">
      <c r="A4" s="4" t="s">
        <v>1057</v>
      </c>
      <c r="B4" s="4" t="s">
        <v>1058</v>
      </c>
      <c r="C4" s="4">
        <v>18</v>
      </c>
      <c r="D4" s="4" t="s">
        <v>1080</v>
      </c>
      <c r="E4" s="5" t="s">
        <v>1136</v>
      </c>
      <c r="F4" s="6">
        <v>163576.17878220318</v>
      </c>
      <c r="G4" s="5">
        <v>360.36267306335702</v>
      </c>
      <c r="H4" s="5" t="s">
        <v>1137</v>
      </c>
      <c r="I4" s="5">
        <v>380.36508366322573</v>
      </c>
      <c r="J4" s="5">
        <v>9.9383033779516818</v>
      </c>
      <c r="K4" s="5">
        <v>20.91797584561191</v>
      </c>
      <c r="L4" s="5">
        <v>0.20383004804165963</v>
      </c>
      <c r="M4" s="6">
        <v>1545.7540403462087</v>
      </c>
      <c r="N4" s="5">
        <v>4.5948200639806904</v>
      </c>
      <c r="O4" s="5">
        <v>0.1985103567701568</v>
      </c>
      <c r="P4" s="5">
        <v>8.778024973694452E-3</v>
      </c>
      <c r="Q4" s="5">
        <v>19.912451777404495</v>
      </c>
      <c r="R4" s="5">
        <v>0.20411295424076067</v>
      </c>
      <c r="S4" s="5">
        <v>3.4588635582006084</v>
      </c>
      <c r="T4" s="5">
        <v>6.5943503082930111</v>
      </c>
      <c r="U4" s="5">
        <v>1.1597300260895131</v>
      </c>
      <c r="V4" s="5">
        <v>35.727516620791953</v>
      </c>
      <c r="W4" s="5">
        <v>11.320986077493432</v>
      </c>
      <c r="X4" s="5">
        <v>136.91267895071798</v>
      </c>
      <c r="Y4" s="5">
        <v>53.741855949921955</v>
      </c>
      <c r="Z4" s="5">
        <v>265.04710862369711</v>
      </c>
      <c r="AA4" s="5">
        <v>59.59179334935525</v>
      </c>
      <c r="AB4" s="5">
        <v>590.48710490928966</v>
      </c>
      <c r="AC4" s="5">
        <v>108.69132392635692</v>
      </c>
      <c r="AD4" s="6">
        <v>8682.1708133128541</v>
      </c>
      <c r="AE4" s="5">
        <v>1.1872102999383016</v>
      </c>
      <c r="AF4" s="5">
        <v>53.922221781982309</v>
      </c>
      <c r="AG4" s="5">
        <v>194.66327227276622</v>
      </c>
      <c r="AH4" s="5">
        <v>294.54404089475651</v>
      </c>
    </row>
    <row r="5" spans="1:34" x14ac:dyDescent="0.25">
      <c r="A5" s="4" t="s">
        <v>1059</v>
      </c>
      <c r="B5" s="4" t="s">
        <v>1060</v>
      </c>
      <c r="C5" s="4">
        <v>19</v>
      </c>
      <c r="D5" s="4" t="s">
        <v>1080</v>
      </c>
      <c r="E5" s="5" t="s">
        <v>1138</v>
      </c>
      <c r="F5" s="6">
        <v>165456.54324696853</v>
      </c>
      <c r="G5" s="5">
        <v>361.85963309621849</v>
      </c>
      <c r="H5" s="5" t="s">
        <v>1139</v>
      </c>
      <c r="I5" s="5">
        <v>352.58203373958548</v>
      </c>
      <c r="J5" s="5">
        <v>8.9289363785982037</v>
      </c>
      <c r="K5" s="5">
        <v>31.435993575349404</v>
      </c>
      <c r="L5" s="5">
        <v>0.22273562663717578</v>
      </c>
      <c r="M5" s="6">
        <v>1559.687939124798</v>
      </c>
      <c r="N5" s="5">
        <v>3.8472583981947341</v>
      </c>
      <c r="O5" s="5" t="s">
        <v>1140</v>
      </c>
      <c r="P5" s="5">
        <v>1.0398598459822227E-2</v>
      </c>
      <c r="Q5" s="5">
        <v>19.480386905822261</v>
      </c>
      <c r="R5" s="5">
        <v>0.203623253922979</v>
      </c>
      <c r="S5" s="5">
        <v>3.6874534041754172</v>
      </c>
      <c r="T5" s="5">
        <v>7.4105952547403646</v>
      </c>
      <c r="U5" s="5">
        <v>1.248087536613161</v>
      </c>
      <c r="V5" s="5">
        <v>36.415482090864302</v>
      </c>
      <c r="W5" s="5">
        <v>11.534143045894933</v>
      </c>
      <c r="X5" s="5">
        <v>143.77148312984497</v>
      </c>
      <c r="Y5" s="5">
        <v>54.780289103221001</v>
      </c>
      <c r="Z5" s="5">
        <v>266.17491658923473</v>
      </c>
      <c r="AA5" s="5">
        <v>57.777859232516192</v>
      </c>
      <c r="AB5" s="5">
        <v>550.17343947104416</v>
      </c>
      <c r="AC5" s="5">
        <v>102.14521467142143</v>
      </c>
      <c r="AD5" s="6">
        <v>8694.858410824454</v>
      </c>
      <c r="AE5" s="5">
        <v>1.0304572598444921</v>
      </c>
      <c r="AF5" s="5">
        <v>57.222922608325518</v>
      </c>
      <c r="AG5" s="5">
        <v>201.84731071715896</v>
      </c>
      <c r="AH5" s="5">
        <v>285.81731327128131</v>
      </c>
    </row>
    <row r="6" spans="1:34" x14ac:dyDescent="0.25">
      <c r="A6" s="4" t="s">
        <v>1000</v>
      </c>
      <c r="B6" s="4" t="s">
        <v>1001</v>
      </c>
      <c r="C6" s="4">
        <v>1</v>
      </c>
      <c r="D6" s="4" t="s">
        <v>1080</v>
      </c>
      <c r="E6" s="5" t="s">
        <v>1002</v>
      </c>
      <c r="F6" s="6">
        <v>179998.93286775364</v>
      </c>
      <c r="G6" s="5">
        <v>476.73308397146263</v>
      </c>
      <c r="H6" s="5" t="s">
        <v>1003</v>
      </c>
      <c r="I6" s="5">
        <v>335.85217044659169</v>
      </c>
      <c r="J6" s="5">
        <v>7.8736686089808137</v>
      </c>
      <c r="K6" s="5">
        <v>25.464773323977543</v>
      </c>
      <c r="L6" s="5">
        <v>0.27592549540208094</v>
      </c>
      <c r="M6" s="6">
        <v>1738.7145218970331</v>
      </c>
      <c r="N6" s="5">
        <v>3.0212773913515978</v>
      </c>
      <c r="O6" s="5" t="s">
        <v>1004</v>
      </c>
      <c r="P6" s="5">
        <v>1.6401858629786659E-2</v>
      </c>
      <c r="Q6" s="5">
        <v>20.918345377882247</v>
      </c>
      <c r="R6" s="5">
        <v>0.30515490232263492</v>
      </c>
      <c r="S6" s="5">
        <v>5.1472219257882248</v>
      </c>
      <c r="T6" s="5">
        <v>9.7466036663020947</v>
      </c>
      <c r="U6" s="5">
        <v>1.6131810654345657</v>
      </c>
      <c r="V6" s="5">
        <v>47.29903731058716</v>
      </c>
      <c r="W6" s="5">
        <v>15.484905700745454</v>
      </c>
      <c r="X6" s="5">
        <v>189.75780985507976</v>
      </c>
      <c r="Y6" s="5">
        <v>71.381809853151509</v>
      </c>
      <c r="Z6" s="5">
        <v>338.89702288036847</v>
      </c>
      <c r="AA6" s="5">
        <v>71.931413659985267</v>
      </c>
      <c r="AB6" s="5">
        <v>681.52037167518836</v>
      </c>
      <c r="AC6" s="5">
        <v>123.84776312594865</v>
      </c>
      <c r="AD6" s="6">
        <v>10456.068125509775</v>
      </c>
      <c r="AE6" s="5">
        <v>1.1768897446611248</v>
      </c>
      <c r="AF6" s="5">
        <v>73.83822840053314</v>
      </c>
      <c r="AG6" s="5">
        <v>266.85155457241723</v>
      </c>
      <c r="AH6" s="5">
        <v>333.20492317119573</v>
      </c>
    </row>
    <row r="7" spans="1:34" x14ac:dyDescent="0.25">
      <c r="A7" s="4" t="s">
        <v>1066</v>
      </c>
      <c r="B7" s="4" t="s">
        <v>1067</v>
      </c>
      <c r="C7" s="4">
        <v>21</v>
      </c>
      <c r="D7" s="4" t="s">
        <v>1080</v>
      </c>
      <c r="E7" s="5" t="s">
        <v>1141</v>
      </c>
      <c r="F7" s="6">
        <v>174848.55206375374</v>
      </c>
      <c r="G7" s="5">
        <v>479.71432240931574</v>
      </c>
      <c r="H7" s="5" t="s">
        <v>1142</v>
      </c>
      <c r="I7" s="5">
        <v>393.93038608429208</v>
      </c>
      <c r="J7" s="5">
        <v>9.9616297084343195</v>
      </c>
      <c r="K7" s="5">
        <v>20.897855609114636</v>
      </c>
      <c r="L7" s="5">
        <v>0.30069395351572709</v>
      </c>
      <c r="M7" s="6">
        <v>2427.6989450862002</v>
      </c>
      <c r="N7" s="5">
        <v>4.8267932164610032</v>
      </c>
      <c r="O7" s="5" t="s">
        <v>1143</v>
      </c>
      <c r="P7" s="5">
        <v>0.16081147537429896</v>
      </c>
      <c r="Q7" s="5">
        <v>25.597626215505297</v>
      </c>
      <c r="R7" s="5">
        <v>0.43177279178195599</v>
      </c>
      <c r="S7" s="5">
        <v>6.5745895451204399</v>
      </c>
      <c r="T7" s="5">
        <v>11.788920655212543</v>
      </c>
      <c r="U7" s="5">
        <v>2.0109827746186326</v>
      </c>
      <c r="V7" s="5">
        <v>59.716544009676809</v>
      </c>
      <c r="W7" s="5">
        <v>17.832607220934484</v>
      </c>
      <c r="X7" s="5">
        <v>223.04155569569036</v>
      </c>
      <c r="Y7" s="5">
        <v>82.950007821876881</v>
      </c>
      <c r="Z7" s="5">
        <v>402.34578520378051</v>
      </c>
      <c r="AA7" s="5">
        <v>83.558121791047995</v>
      </c>
      <c r="AB7" s="5">
        <v>772.43520327380179</v>
      </c>
      <c r="AC7" s="5">
        <v>149.76583978969131</v>
      </c>
      <c r="AD7" s="6">
        <v>8541.8670711862796</v>
      </c>
      <c r="AE7" s="5">
        <v>1.2716893349412397</v>
      </c>
      <c r="AF7" s="5">
        <v>85.706727506064382</v>
      </c>
      <c r="AG7" s="5">
        <v>290.37257938653397</v>
      </c>
      <c r="AH7" s="5">
        <v>327.86944356725996</v>
      </c>
    </row>
    <row r="8" spans="1:34" x14ac:dyDescent="0.25">
      <c r="A8" s="4" t="s">
        <v>1073</v>
      </c>
      <c r="B8" s="4" t="s">
        <v>1074</v>
      </c>
      <c r="C8" s="4">
        <v>24</v>
      </c>
      <c r="D8" s="4" t="s">
        <v>1080</v>
      </c>
      <c r="E8" s="5" t="s">
        <v>1146</v>
      </c>
      <c r="F8" s="6">
        <v>166248.90947057185</v>
      </c>
      <c r="G8" s="5">
        <v>401.19825588093448</v>
      </c>
      <c r="H8" s="5" t="s">
        <v>1147</v>
      </c>
      <c r="I8" s="5">
        <v>420.31122919436348</v>
      </c>
      <c r="J8" s="5">
        <v>11.04253219990904</v>
      </c>
      <c r="K8" s="5">
        <v>24.149199497630438</v>
      </c>
      <c r="L8" s="5">
        <v>0.4086701379667852</v>
      </c>
      <c r="M8" s="6">
        <v>2086.2951739214573</v>
      </c>
      <c r="N8" s="5">
        <v>4.3560203379495901</v>
      </c>
      <c r="O8" s="5" t="s">
        <v>1148</v>
      </c>
      <c r="P8" s="5">
        <v>1.4482970427896272E-2</v>
      </c>
      <c r="Q8" s="5">
        <v>22.310266735577443</v>
      </c>
      <c r="R8" s="5">
        <v>0.23114769668568463</v>
      </c>
      <c r="S8" s="5">
        <v>3.7583790515197797</v>
      </c>
      <c r="T8" s="5">
        <v>8.4728901239789458</v>
      </c>
      <c r="U8" s="5">
        <v>1.8763475545148103</v>
      </c>
      <c r="V8" s="5">
        <v>43.939706410721357</v>
      </c>
      <c r="W8" s="5">
        <v>13.987765466891629</v>
      </c>
      <c r="X8" s="5">
        <v>179.31516557294913</v>
      </c>
      <c r="Y8" s="5">
        <v>71.122199847966655</v>
      </c>
      <c r="Z8" s="5">
        <v>350.5636831893529</v>
      </c>
      <c r="AA8" s="5">
        <v>74.231117752329709</v>
      </c>
      <c r="AB8" s="5">
        <v>703.35357488384341</v>
      </c>
      <c r="AC8" s="5">
        <v>134.89794243695141</v>
      </c>
      <c r="AD8" s="6">
        <v>8284.7604056990895</v>
      </c>
      <c r="AE8" s="5">
        <v>1.0186459507157919</v>
      </c>
      <c r="AF8" s="5">
        <v>68.489952473698892</v>
      </c>
      <c r="AG8" s="5">
        <v>245.65070450110088</v>
      </c>
      <c r="AH8" s="5">
        <v>308.95725541272623</v>
      </c>
    </row>
    <row r="9" spans="1:34" x14ac:dyDescent="0.25">
      <c r="A9" s="4" t="s">
        <v>1015</v>
      </c>
      <c r="B9" s="4" t="s">
        <v>1016</v>
      </c>
      <c r="C9" s="4">
        <v>6</v>
      </c>
      <c r="D9" s="4" t="s">
        <v>1080</v>
      </c>
      <c r="E9" s="5" t="s">
        <v>1017</v>
      </c>
      <c r="F9" s="6">
        <v>185923.33985383209</v>
      </c>
      <c r="G9" s="5">
        <v>471.69553832217605</v>
      </c>
      <c r="H9" s="5">
        <v>42.785550263034906</v>
      </c>
      <c r="I9" s="5">
        <v>352.00888333942203</v>
      </c>
      <c r="J9" s="5">
        <v>7.8949900303327771</v>
      </c>
      <c r="K9" s="5">
        <v>52.127373078319764</v>
      </c>
      <c r="L9" s="5">
        <v>0.36623400643004755</v>
      </c>
      <c r="M9" s="6">
        <v>2480.0154374923609</v>
      </c>
      <c r="N9" s="5">
        <v>3.7987961775227839</v>
      </c>
      <c r="O9" s="5" t="s">
        <v>1018</v>
      </c>
      <c r="P9" s="5">
        <v>3.3139896970869602E-2</v>
      </c>
      <c r="Q9" s="5">
        <v>21.468798120028872</v>
      </c>
      <c r="R9" s="5">
        <v>0.4384077957645871</v>
      </c>
      <c r="S9" s="5">
        <v>7.2679901536373581</v>
      </c>
      <c r="T9" s="5">
        <v>12.831564459682319</v>
      </c>
      <c r="U9" s="5">
        <v>2.3795525575354173</v>
      </c>
      <c r="V9" s="5">
        <v>68.393563946357347</v>
      </c>
      <c r="W9" s="5">
        <v>21.003905816749587</v>
      </c>
      <c r="X9" s="5">
        <v>261.63221276822225</v>
      </c>
      <c r="Y9" s="5">
        <v>97.640107324994403</v>
      </c>
      <c r="Z9" s="5">
        <v>461.92861472220477</v>
      </c>
      <c r="AA9" s="5">
        <v>97.800793689736736</v>
      </c>
      <c r="AB9" s="5">
        <v>922.75646208894102</v>
      </c>
      <c r="AC9" s="5">
        <v>174.21475529700896</v>
      </c>
      <c r="AD9" s="6">
        <v>10391.715368542937</v>
      </c>
      <c r="AE9" s="5">
        <v>1.0331779373653585</v>
      </c>
      <c r="AF9" s="5">
        <v>76.476074682467981</v>
      </c>
      <c r="AG9" s="5">
        <v>278.66487437308615</v>
      </c>
      <c r="AH9" s="5">
        <v>368.8373644306111</v>
      </c>
    </row>
    <row r="10" spans="1:34" x14ac:dyDescent="0.25">
      <c r="A10" s="4" t="s">
        <v>1027</v>
      </c>
      <c r="B10" s="4" t="s">
        <v>1028</v>
      </c>
      <c r="C10" s="4">
        <v>9</v>
      </c>
      <c r="D10" s="4" t="s">
        <v>1080</v>
      </c>
      <c r="E10" s="5" t="s">
        <v>1029</v>
      </c>
      <c r="F10" s="6">
        <v>186741.16181581857</v>
      </c>
      <c r="G10" s="5">
        <v>568.13331675064217</v>
      </c>
      <c r="H10" s="5">
        <v>55.10145421436556</v>
      </c>
      <c r="I10" s="5">
        <v>413.98594797629966</v>
      </c>
      <c r="J10" s="5">
        <v>11.004008587745471</v>
      </c>
      <c r="K10" s="5">
        <v>15.730846351497707</v>
      </c>
      <c r="L10" s="5">
        <v>0.25220166324766818</v>
      </c>
      <c r="M10" s="6">
        <v>1517.6448435779748</v>
      </c>
      <c r="N10" s="5">
        <v>3.8283196591668625</v>
      </c>
      <c r="O10" s="5" t="s">
        <v>1030</v>
      </c>
      <c r="P10" s="5">
        <v>4.3832241246814202E-2</v>
      </c>
      <c r="Q10" s="5">
        <v>19.508751427351282</v>
      </c>
      <c r="R10" s="5">
        <v>0.21321769248214884</v>
      </c>
      <c r="S10" s="5">
        <v>3.5115853849671566</v>
      </c>
      <c r="T10" s="5">
        <v>7.0691209033189519</v>
      </c>
      <c r="U10" s="5">
        <v>1.3230461128315132</v>
      </c>
      <c r="V10" s="5">
        <v>36.416251431925701</v>
      </c>
      <c r="W10" s="5">
        <v>11.514768116646414</v>
      </c>
      <c r="X10" s="5">
        <v>149.84675120689951</v>
      </c>
      <c r="Y10" s="5">
        <v>59.387531379886738</v>
      </c>
      <c r="Z10" s="5">
        <v>306.13600170004429</v>
      </c>
      <c r="AA10" s="5">
        <v>69.584348628055153</v>
      </c>
      <c r="AB10" s="5">
        <v>698.95109670802276</v>
      </c>
      <c r="AC10" s="5">
        <v>130.40855735157356</v>
      </c>
      <c r="AD10" s="6">
        <v>10054.326067959864</v>
      </c>
      <c r="AE10" s="5">
        <v>1.1829212994512868</v>
      </c>
      <c r="AF10" s="5">
        <v>74.340103705701068</v>
      </c>
      <c r="AG10" s="5">
        <v>277.72537533501287</v>
      </c>
      <c r="AH10" s="5">
        <v>384.33432067305995</v>
      </c>
    </row>
    <row r="11" spans="1:34" x14ac:dyDescent="0.25">
      <c r="A11" s="4" t="s">
        <v>1035</v>
      </c>
      <c r="B11" s="4" t="s">
        <v>1036</v>
      </c>
      <c r="C11" s="4">
        <v>13</v>
      </c>
      <c r="D11" s="4" t="s">
        <v>1081</v>
      </c>
      <c r="E11" s="5" t="s">
        <v>1037</v>
      </c>
      <c r="F11" s="6">
        <v>189658.70462492097</v>
      </c>
      <c r="G11" s="5">
        <v>531.06165120238347</v>
      </c>
      <c r="H11" s="5">
        <v>44.653884908050628</v>
      </c>
      <c r="I11" s="5">
        <v>372.96825057715063</v>
      </c>
      <c r="J11" s="5">
        <v>8.6602639932250547</v>
      </c>
      <c r="K11" s="5">
        <v>27.261530739455161</v>
      </c>
      <c r="L11" s="5">
        <v>0.35305122576770664</v>
      </c>
      <c r="M11" s="6">
        <v>1799.8203238393921</v>
      </c>
      <c r="N11" s="5">
        <v>3.8691230905100236</v>
      </c>
      <c r="O11" s="5" t="s">
        <v>1038</v>
      </c>
      <c r="P11" s="5">
        <v>0.33609334812347269</v>
      </c>
      <c r="Q11" s="5">
        <v>22.534632813497474</v>
      </c>
      <c r="R11" s="5">
        <v>0.47359499661652671</v>
      </c>
      <c r="S11" s="5">
        <v>5.944904160422853</v>
      </c>
      <c r="T11" s="5">
        <v>9.3856763725732364</v>
      </c>
      <c r="U11" s="5">
        <v>1.8676682012454211</v>
      </c>
      <c r="V11" s="5">
        <v>46.301916226028546</v>
      </c>
      <c r="W11" s="5">
        <v>15.092481739632243</v>
      </c>
      <c r="X11" s="5">
        <v>182.40744489189319</v>
      </c>
      <c r="Y11" s="5">
        <v>70.5233563760154</v>
      </c>
      <c r="Z11" s="5">
        <v>349.18670747159649</v>
      </c>
      <c r="AA11" s="5">
        <v>74.866302370752351</v>
      </c>
      <c r="AB11" s="5">
        <v>722.98445012043123</v>
      </c>
      <c r="AC11" s="5">
        <v>138.32860123089597</v>
      </c>
      <c r="AD11" s="6">
        <v>10273.060669937124</v>
      </c>
      <c r="AE11" s="5">
        <v>1.1958786573157163</v>
      </c>
      <c r="AF11" s="5">
        <v>73.453962993721476</v>
      </c>
      <c r="AG11" s="5">
        <v>252.35620801697075</v>
      </c>
      <c r="AH11" s="5">
        <v>342.60547829888753</v>
      </c>
    </row>
    <row r="12" spans="1:34" x14ac:dyDescent="0.25">
      <c r="A12" s="4" t="s">
        <v>1061</v>
      </c>
      <c r="B12" s="4" t="s">
        <v>1062</v>
      </c>
      <c r="C12" s="4">
        <v>20</v>
      </c>
      <c r="D12" s="4" t="s">
        <v>1081</v>
      </c>
      <c r="E12" s="5" t="s">
        <v>1063</v>
      </c>
      <c r="F12" s="6">
        <v>158989.67371281053</v>
      </c>
      <c r="G12" s="5">
        <v>378.85880903770283</v>
      </c>
      <c r="H12" s="5" t="s">
        <v>1064</v>
      </c>
      <c r="I12" s="5">
        <v>364.19159773638552</v>
      </c>
      <c r="J12" s="5">
        <v>10.487429299405095</v>
      </c>
      <c r="K12" s="5">
        <v>46.052137440123836</v>
      </c>
      <c r="L12" s="5">
        <v>0.27335907814629284</v>
      </c>
      <c r="M12" s="6">
        <v>1390.072921556002</v>
      </c>
      <c r="N12" s="5">
        <v>3.8841333428068898</v>
      </c>
      <c r="O12" s="5" t="s">
        <v>1065</v>
      </c>
      <c r="P12" s="5">
        <v>6.9440637336865303E-3</v>
      </c>
      <c r="Q12" s="5">
        <v>20.295724444418056</v>
      </c>
      <c r="R12" s="5">
        <v>0.15621719003059778</v>
      </c>
      <c r="S12" s="5">
        <v>2.7902591503885321</v>
      </c>
      <c r="T12" s="5">
        <v>6.2639121801804185</v>
      </c>
      <c r="U12" s="5">
        <v>1.1394854990091965</v>
      </c>
      <c r="V12" s="5">
        <v>31.0283963526735</v>
      </c>
      <c r="W12" s="5">
        <v>9.439739498766972</v>
      </c>
      <c r="X12" s="5">
        <v>120.29657813149907</v>
      </c>
      <c r="Y12" s="5">
        <v>46.901098776210489</v>
      </c>
      <c r="Z12" s="5">
        <v>233.30606198257095</v>
      </c>
      <c r="AA12" s="5">
        <v>52.260948943624243</v>
      </c>
      <c r="AB12" s="5">
        <v>521.39001402718554</v>
      </c>
      <c r="AC12" s="5">
        <v>96.352091315714034</v>
      </c>
      <c r="AD12" s="6">
        <v>8266.4152566214452</v>
      </c>
      <c r="AE12" s="5">
        <v>1.0950579907905802</v>
      </c>
      <c r="AF12" s="5">
        <v>66.086979512155622</v>
      </c>
      <c r="AG12" s="5">
        <v>253.65072660256138</v>
      </c>
      <c r="AH12" s="5">
        <v>327.95948171834044</v>
      </c>
    </row>
    <row r="13" spans="1:34" x14ac:dyDescent="0.25">
      <c r="A13" s="4" t="s">
        <v>1068</v>
      </c>
      <c r="B13" s="4" t="s">
        <v>1069</v>
      </c>
      <c r="C13" s="4">
        <v>22</v>
      </c>
      <c r="D13" s="4" t="s">
        <v>1081</v>
      </c>
      <c r="E13" s="5" t="s">
        <v>1144</v>
      </c>
      <c r="F13" s="6">
        <v>169152.44519049977</v>
      </c>
      <c r="G13" s="5">
        <v>312.57704014993647</v>
      </c>
      <c r="H13" s="5">
        <v>37.040963750349349</v>
      </c>
      <c r="I13" s="5">
        <v>330.62071298530338</v>
      </c>
      <c r="J13" s="5">
        <v>8.1755846484275452</v>
      </c>
      <c r="K13" s="5">
        <v>19.469574191123495</v>
      </c>
      <c r="L13" s="5">
        <v>0.22565275369156468</v>
      </c>
      <c r="M13" s="6">
        <v>1105.2938600606753</v>
      </c>
      <c r="N13" s="5">
        <v>2.8837402441314071</v>
      </c>
      <c r="O13" s="5" t="s">
        <v>1145</v>
      </c>
      <c r="P13" s="5">
        <v>3.821001038440499E-2</v>
      </c>
      <c r="Q13" s="5">
        <v>17.007612733612024</v>
      </c>
      <c r="R13" s="5">
        <v>0.13218714717113672</v>
      </c>
      <c r="S13" s="5">
        <v>2.4583858335255826</v>
      </c>
      <c r="T13" s="5">
        <v>5.0632043532803905</v>
      </c>
      <c r="U13" s="5">
        <v>0.91212694042776932</v>
      </c>
      <c r="V13" s="5">
        <v>25.237980523717471</v>
      </c>
      <c r="W13" s="5">
        <v>8.1788834613907326</v>
      </c>
      <c r="X13" s="5">
        <v>101.51110868764276</v>
      </c>
      <c r="Y13" s="5">
        <v>38.408501583799662</v>
      </c>
      <c r="Z13" s="5">
        <v>188.9793033429396</v>
      </c>
      <c r="AA13" s="5">
        <v>41.381811378545748</v>
      </c>
      <c r="AB13" s="5">
        <v>395.41913184396952</v>
      </c>
      <c r="AC13" s="5">
        <v>73.968015723115897</v>
      </c>
      <c r="AD13" s="6">
        <v>9071.3469951022289</v>
      </c>
      <c r="AE13" s="5">
        <v>0.85283990894000272</v>
      </c>
      <c r="AF13" s="5">
        <v>32.732607517855975</v>
      </c>
      <c r="AG13" s="5">
        <v>119.80059991458107</v>
      </c>
      <c r="AH13" s="5">
        <v>188.26193425450165</v>
      </c>
    </row>
    <row r="14" spans="1:34" x14ac:dyDescent="0.25">
      <c r="A14" s="4" t="s">
        <v>1070</v>
      </c>
      <c r="B14" s="4" t="s">
        <v>1071</v>
      </c>
      <c r="C14" s="4">
        <v>23</v>
      </c>
      <c r="D14" s="4" t="s">
        <v>1081</v>
      </c>
      <c r="E14" s="5">
        <v>63.696451410071738</v>
      </c>
      <c r="F14" s="6">
        <v>167323.60654512531</v>
      </c>
      <c r="G14" s="5">
        <v>313.76756172611999</v>
      </c>
      <c r="H14" s="5" t="s">
        <v>1072</v>
      </c>
      <c r="I14" s="5">
        <v>347.40383347898819</v>
      </c>
      <c r="J14" s="5">
        <v>8.8238482933900286</v>
      </c>
      <c r="K14" s="5">
        <v>35.759985176903562</v>
      </c>
      <c r="L14" s="5">
        <v>0.47295700214823555</v>
      </c>
      <c r="M14" s="6">
        <v>1771.1743344951269</v>
      </c>
      <c r="N14" s="5">
        <v>3.6195592964362686</v>
      </c>
      <c r="O14" s="5">
        <v>0.17375011350552824</v>
      </c>
      <c r="P14" s="5">
        <v>0.10128441740067229</v>
      </c>
      <c r="Q14" s="5">
        <v>16.718606325983181</v>
      </c>
      <c r="R14" s="5">
        <v>0.35604335054444053</v>
      </c>
      <c r="S14" s="5">
        <v>4.7613956913436057</v>
      </c>
      <c r="T14" s="5">
        <v>8.6679144186791728</v>
      </c>
      <c r="U14" s="5">
        <v>1.7136253180058323</v>
      </c>
      <c r="V14" s="5">
        <v>43.100873600370569</v>
      </c>
      <c r="W14" s="5">
        <v>13.363605993709204</v>
      </c>
      <c r="X14" s="5">
        <v>162.55615556660698</v>
      </c>
      <c r="Y14" s="5">
        <v>60.805081313324898</v>
      </c>
      <c r="Z14" s="5">
        <v>296.13510971858148</v>
      </c>
      <c r="AA14" s="5">
        <v>62.812050358855828</v>
      </c>
      <c r="AB14" s="5">
        <v>601.93302935927363</v>
      </c>
      <c r="AC14" s="5">
        <v>114.48925799812856</v>
      </c>
      <c r="AD14" s="6">
        <v>8596.1599755329789</v>
      </c>
      <c r="AE14" s="5">
        <v>1.0709804544775621</v>
      </c>
      <c r="AF14" s="5">
        <v>43.7338513633932</v>
      </c>
      <c r="AG14" s="5">
        <v>152.86195232270774</v>
      </c>
      <c r="AH14" s="5">
        <v>245.28375371221327</v>
      </c>
    </row>
    <row r="15" spans="1:34" x14ac:dyDescent="0.25">
      <c r="A15" s="4" t="s">
        <v>1075</v>
      </c>
      <c r="B15" s="4" t="s">
        <v>1076</v>
      </c>
      <c r="C15" s="4">
        <v>26</v>
      </c>
      <c r="D15" s="4" t="s">
        <v>1081</v>
      </c>
      <c r="E15" s="5" t="s">
        <v>1077</v>
      </c>
      <c r="F15" s="6">
        <v>162661.50211085952</v>
      </c>
      <c r="G15" s="5">
        <v>351.77763013118772</v>
      </c>
      <c r="H15" s="5" t="s">
        <v>1078</v>
      </c>
      <c r="I15" s="5">
        <v>360.32676726576608</v>
      </c>
      <c r="J15" s="5">
        <v>10.057002267504739</v>
      </c>
      <c r="K15" s="5">
        <v>29.315274840818425</v>
      </c>
      <c r="L15" s="5">
        <v>0.23896400861178829</v>
      </c>
      <c r="M15" s="6">
        <v>1409.1918930959318</v>
      </c>
      <c r="N15" s="5">
        <v>3.2655800540483515</v>
      </c>
      <c r="O15" s="5" t="s">
        <v>1079</v>
      </c>
      <c r="P15" s="5">
        <v>4.9162871568074265E-2</v>
      </c>
      <c r="Q15" s="5">
        <v>16.419735872646264</v>
      </c>
      <c r="R15" s="5">
        <v>0.18467757421829481</v>
      </c>
      <c r="S15" s="5">
        <v>3.1842092927767567</v>
      </c>
      <c r="T15" s="5">
        <v>6.4646985599098405</v>
      </c>
      <c r="U15" s="5">
        <v>1.1295674168063863</v>
      </c>
      <c r="V15" s="5">
        <v>30.831461888545604</v>
      </c>
      <c r="W15" s="5">
        <v>9.7801336127204159</v>
      </c>
      <c r="X15" s="5">
        <v>122.5992151132433</v>
      </c>
      <c r="Y15" s="5">
        <v>48.143133649543827</v>
      </c>
      <c r="Z15" s="5">
        <v>236.1507595945732</v>
      </c>
      <c r="AA15" s="5">
        <v>51.460699421416159</v>
      </c>
      <c r="AB15" s="5">
        <v>489.63979496357223</v>
      </c>
      <c r="AC15" s="5">
        <v>99.387064883506213</v>
      </c>
      <c r="AD15" s="6">
        <v>8551.5809195902966</v>
      </c>
      <c r="AE15" s="5">
        <v>0.96607151594508278</v>
      </c>
      <c r="AF15" s="5">
        <v>47.561746985862342</v>
      </c>
      <c r="AG15" s="5">
        <v>168.75182617723655</v>
      </c>
      <c r="AH15" s="5">
        <v>229.4306772719188</v>
      </c>
    </row>
    <row r="16" spans="1:34" x14ac:dyDescent="0.25">
      <c r="A16" s="4" t="s">
        <v>1005</v>
      </c>
      <c r="B16" s="4" t="s">
        <v>1006</v>
      </c>
      <c r="C16" s="4">
        <v>2</v>
      </c>
      <c r="D16" s="4" t="s">
        <v>1081</v>
      </c>
      <c r="E16" s="5" t="s">
        <v>1007</v>
      </c>
      <c r="F16" s="6">
        <v>178184.5408592828</v>
      </c>
      <c r="G16" s="5">
        <v>374.15722449435174</v>
      </c>
      <c r="H16" s="5">
        <v>36.666335431461128</v>
      </c>
      <c r="I16" s="5">
        <v>340.83968713263425</v>
      </c>
      <c r="J16" s="5">
        <v>7.9202501138351646</v>
      </c>
      <c r="K16" s="5">
        <v>24.532697654591459</v>
      </c>
      <c r="L16" s="5">
        <v>0.39303938626563478</v>
      </c>
      <c r="M16" s="6">
        <v>1789.5471221501746</v>
      </c>
      <c r="N16" s="5">
        <v>2.2397064258827526</v>
      </c>
      <c r="O16" s="5" t="s">
        <v>1008</v>
      </c>
      <c r="P16" s="5">
        <v>9.944258171745364E-2</v>
      </c>
      <c r="Q16" s="5">
        <v>16.693143162361999</v>
      </c>
      <c r="R16" s="5">
        <v>0.32777493270028651</v>
      </c>
      <c r="S16" s="5">
        <v>5.9168361383446575</v>
      </c>
      <c r="T16" s="5">
        <v>11.195377268351779</v>
      </c>
      <c r="U16" s="5">
        <v>2.1269258249636041</v>
      </c>
      <c r="V16" s="5">
        <v>55.485292089203462</v>
      </c>
      <c r="W16" s="5">
        <v>16.994472134027436</v>
      </c>
      <c r="X16" s="5">
        <v>200.57064398823994</v>
      </c>
      <c r="Y16" s="5">
        <v>73.367686444189232</v>
      </c>
      <c r="Z16" s="5">
        <v>345.98507836067029</v>
      </c>
      <c r="AA16" s="5">
        <v>74.273057401688192</v>
      </c>
      <c r="AB16" s="5">
        <v>715.9181528099441</v>
      </c>
      <c r="AC16" s="5">
        <v>125.5460585515945</v>
      </c>
      <c r="AD16" s="6">
        <v>10538.709560260588</v>
      </c>
      <c r="AE16" s="5">
        <v>0.85024919634657148</v>
      </c>
      <c r="AF16" s="5">
        <v>44.810793604280278</v>
      </c>
      <c r="AG16" s="5">
        <v>168.02481366753793</v>
      </c>
      <c r="AH16" s="5">
        <v>249.33199034403137</v>
      </c>
    </row>
    <row r="17" spans="1:34" x14ac:dyDescent="0.25">
      <c r="A17" s="4" t="s">
        <v>1009</v>
      </c>
      <c r="B17" s="4" t="s">
        <v>1010</v>
      </c>
      <c r="C17" s="4">
        <v>3</v>
      </c>
      <c r="D17" s="4" t="s">
        <v>1081</v>
      </c>
      <c r="E17" s="5">
        <v>1.4478106207930206</v>
      </c>
      <c r="F17" s="6">
        <v>181142.220126322</v>
      </c>
      <c r="G17" s="5">
        <v>426.55698002270202</v>
      </c>
      <c r="H17" s="5">
        <v>78.482227605635458</v>
      </c>
      <c r="I17" s="5">
        <v>331.88756171591803</v>
      </c>
      <c r="J17" s="5">
        <v>8.8093080543867845</v>
      </c>
      <c r="K17" s="5">
        <v>42.718345308063789</v>
      </c>
      <c r="L17" s="5">
        <v>0.19508862619927228</v>
      </c>
      <c r="M17" s="6">
        <v>1154.0760552059642</v>
      </c>
      <c r="N17" s="5">
        <v>2.6997468900892829</v>
      </c>
      <c r="O17" s="5" t="s">
        <v>1011</v>
      </c>
      <c r="P17" s="5">
        <v>1.5987687480273814E-2</v>
      </c>
      <c r="Q17" s="5">
        <v>19.751758776937606</v>
      </c>
      <c r="R17" s="5">
        <v>0.13922238568366024</v>
      </c>
      <c r="S17" s="5">
        <v>2.8948734379919245</v>
      </c>
      <c r="T17" s="5">
        <v>6.6310359228092004</v>
      </c>
      <c r="U17" s="5">
        <v>1.1782162145270927</v>
      </c>
      <c r="V17" s="5">
        <v>30.449990383041438</v>
      </c>
      <c r="W17" s="5">
        <v>9.9878234779699806</v>
      </c>
      <c r="X17" s="5">
        <v>124.46070116774845</v>
      </c>
      <c r="Y17" s="5">
        <v>46.758953211600215</v>
      </c>
      <c r="Z17" s="5">
        <v>226.27109203430575</v>
      </c>
      <c r="AA17" s="5">
        <v>50.514888433255187</v>
      </c>
      <c r="AB17" s="5">
        <v>494.45963872316105</v>
      </c>
      <c r="AC17" s="5">
        <v>86.83657633841014</v>
      </c>
      <c r="AD17" s="6">
        <v>10548.815560792136</v>
      </c>
      <c r="AE17" s="5">
        <v>1.0244235700117534</v>
      </c>
      <c r="AF17" s="5">
        <v>59.780036634351809</v>
      </c>
      <c r="AG17" s="5">
        <v>222.18306290832254</v>
      </c>
      <c r="AH17" s="5">
        <v>305.0515212477008</v>
      </c>
    </row>
    <row r="18" spans="1:34" x14ac:dyDescent="0.25">
      <c r="A18" s="4" t="s">
        <v>1012</v>
      </c>
      <c r="B18" s="4" t="s">
        <v>1013</v>
      </c>
      <c r="C18" s="4">
        <v>5</v>
      </c>
      <c r="D18" s="4" t="s">
        <v>1081</v>
      </c>
      <c r="E18" s="5">
        <v>3.4680945564617351</v>
      </c>
      <c r="F18" s="6">
        <v>183579.2545397967</v>
      </c>
      <c r="G18" s="5">
        <v>488.04362548533118</v>
      </c>
      <c r="H18" s="5">
        <v>39.280108957823849</v>
      </c>
      <c r="I18" s="5">
        <v>354.85204067966259</v>
      </c>
      <c r="J18" s="5">
        <v>8.017378321767664</v>
      </c>
      <c r="K18" s="5">
        <v>46.112178233613555</v>
      </c>
      <c r="L18" s="5">
        <v>0.34003388789742001</v>
      </c>
      <c r="M18" s="6">
        <v>2641.8372708407042</v>
      </c>
      <c r="N18" s="5">
        <v>3.2545477477844322</v>
      </c>
      <c r="O18" s="5" t="s">
        <v>1014</v>
      </c>
      <c r="P18" s="5">
        <v>4.9823053543248889E-2</v>
      </c>
      <c r="Q18" s="5">
        <v>25.931350441963506</v>
      </c>
      <c r="R18" s="5">
        <v>0.48828920113443414</v>
      </c>
      <c r="S18" s="5">
        <v>8.5559449381571024</v>
      </c>
      <c r="T18" s="5">
        <v>15.865538050883618</v>
      </c>
      <c r="U18" s="5">
        <v>3.3934067726641373</v>
      </c>
      <c r="V18" s="5">
        <v>81.650135647723985</v>
      </c>
      <c r="W18" s="5">
        <v>24.961602994317829</v>
      </c>
      <c r="X18" s="5">
        <v>296.71312636279544</v>
      </c>
      <c r="Y18" s="5">
        <v>105.52403825847107</v>
      </c>
      <c r="Z18" s="5">
        <v>489.56041292035025</v>
      </c>
      <c r="AA18" s="5">
        <v>101.76635374394444</v>
      </c>
      <c r="AB18" s="5">
        <v>952.11823883014063</v>
      </c>
      <c r="AC18" s="5">
        <v>170.60894362174918</v>
      </c>
      <c r="AD18" s="6">
        <v>9863.3601326866301</v>
      </c>
      <c r="AE18" s="5">
        <v>1.0585937677455948</v>
      </c>
      <c r="AF18" s="5">
        <v>97.657752904920557</v>
      </c>
      <c r="AG18" s="5">
        <v>363.35027376024806</v>
      </c>
      <c r="AH18" s="5">
        <v>405.43466912665383</v>
      </c>
    </row>
    <row r="19" spans="1:34" x14ac:dyDescent="0.25">
      <c r="A19" s="4" t="s">
        <v>1019</v>
      </c>
      <c r="B19" s="4" t="s">
        <v>1020</v>
      </c>
      <c r="C19" s="4">
        <v>7</v>
      </c>
      <c r="D19" s="4" t="s">
        <v>1081</v>
      </c>
      <c r="E19" s="5" t="s">
        <v>1021</v>
      </c>
      <c r="F19" s="6">
        <v>175952.4203266807</v>
      </c>
      <c r="G19" s="5">
        <v>497.4270210184032</v>
      </c>
      <c r="H19" s="5">
        <v>34.953632542101907</v>
      </c>
      <c r="I19" s="5">
        <v>367.68080853625628</v>
      </c>
      <c r="J19" s="5">
        <v>9.3661333985240471</v>
      </c>
      <c r="K19" s="5">
        <v>29.556626156697259</v>
      </c>
      <c r="L19" s="5">
        <v>0.26725636271324738</v>
      </c>
      <c r="M19" s="6">
        <v>1738.1984600565575</v>
      </c>
      <c r="N19" s="5">
        <v>3.5724275745151832</v>
      </c>
      <c r="O19" s="5" t="s">
        <v>1022</v>
      </c>
      <c r="P19" s="5">
        <v>8.529507339487135E-3</v>
      </c>
      <c r="Q19" s="5">
        <v>24.7950415172329</v>
      </c>
      <c r="R19" s="5">
        <v>0.24849898886572908</v>
      </c>
      <c r="S19" s="5">
        <v>4.0857844108703372</v>
      </c>
      <c r="T19" s="5">
        <v>8.6759268660459146</v>
      </c>
      <c r="U19" s="5">
        <v>1.9456274875563362</v>
      </c>
      <c r="V19" s="5">
        <v>46.330787440735882</v>
      </c>
      <c r="W19" s="5">
        <v>14.916669660144313</v>
      </c>
      <c r="X19" s="5">
        <v>187.96153968377274</v>
      </c>
      <c r="Y19" s="5">
        <v>70.486683325793777</v>
      </c>
      <c r="Z19" s="5">
        <v>335.51088502765401</v>
      </c>
      <c r="AA19" s="5">
        <v>71.938030770083216</v>
      </c>
      <c r="AB19" s="5">
        <v>701.98480747023666</v>
      </c>
      <c r="AC19" s="5">
        <v>120.91727948663397</v>
      </c>
      <c r="AD19" s="6">
        <v>9717.8404652221943</v>
      </c>
      <c r="AE19" s="5">
        <v>1.1627434196126476</v>
      </c>
      <c r="AF19" s="5">
        <v>104.72262961575049</v>
      </c>
      <c r="AG19" s="5">
        <v>383.10326487068363</v>
      </c>
      <c r="AH19" s="5">
        <v>425.8501038056587</v>
      </c>
    </row>
    <row r="20" spans="1:34" x14ac:dyDescent="0.25">
      <c r="A20" s="4" t="s">
        <v>1023</v>
      </c>
      <c r="B20" s="4" t="s">
        <v>1024</v>
      </c>
      <c r="C20" s="4">
        <v>8</v>
      </c>
      <c r="D20" s="4" t="s">
        <v>1081</v>
      </c>
      <c r="E20" s="5" t="s">
        <v>1025</v>
      </c>
      <c r="F20" s="6">
        <v>180868.39915723735</v>
      </c>
      <c r="G20" s="5">
        <v>487.42634207115435</v>
      </c>
      <c r="H20" s="5">
        <v>37.957106602785842</v>
      </c>
      <c r="I20" s="5">
        <v>357.46040740728228</v>
      </c>
      <c r="J20" s="5">
        <v>9.5030379067181645</v>
      </c>
      <c r="K20" s="5">
        <v>28.502485285878283</v>
      </c>
      <c r="L20" s="5">
        <v>0.17049395174766738</v>
      </c>
      <c r="M20" s="6">
        <v>1306.2628418429799</v>
      </c>
      <c r="N20" s="5">
        <v>3.2933706375048457</v>
      </c>
      <c r="O20" s="5" t="s">
        <v>1026</v>
      </c>
      <c r="P20" s="5">
        <v>1.7258865074107621E-2</v>
      </c>
      <c r="Q20" s="5">
        <v>19.84175810993726</v>
      </c>
      <c r="R20" s="5">
        <v>0.16622914635169006</v>
      </c>
      <c r="S20" s="5">
        <v>3.429592723359236</v>
      </c>
      <c r="T20" s="5">
        <v>6.181232188701177</v>
      </c>
      <c r="U20" s="5">
        <v>1.254140019590523</v>
      </c>
      <c r="V20" s="5">
        <v>32.216166918082578</v>
      </c>
      <c r="W20" s="5">
        <v>10.644399326417272</v>
      </c>
      <c r="X20" s="5">
        <v>133.88511443836765</v>
      </c>
      <c r="Y20" s="5">
        <v>52.262134220884775</v>
      </c>
      <c r="Z20" s="5">
        <v>257.03604520507645</v>
      </c>
      <c r="AA20" s="5">
        <v>58.103293050787777</v>
      </c>
      <c r="AB20" s="5">
        <v>573.57798435933455</v>
      </c>
      <c r="AC20" s="5">
        <v>105.95245476282942</v>
      </c>
      <c r="AD20" s="6">
        <v>10104.753839933312</v>
      </c>
      <c r="AE20" s="5">
        <v>1.2802749780696214</v>
      </c>
      <c r="AF20" s="5">
        <v>62.286081005182986</v>
      </c>
      <c r="AG20" s="5">
        <v>229.58205943784913</v>
      </c>
      <c r="AH20" s="5">
        <v>327.12948996368362</v>
      </c>
    </row>
    <row r="21" spans="1:34" x14ac:dyDescent="0.25">
      <c r="F21" s="3"/>
    </row>
  </sheetData>
  <sortState ref="A2:BI32">
    <sortCondition ref="D2"/>
  </sortState>
  <conditionalFormatting sqref="A1:D1">
    <cfRule type="containsText" dxfId="1" priority="1" operator="containsText" text="&lt;">
      <formula>NOT(ISERROR(SEARCH("&lt;",A1)))</formula>
    </cfRule>
  </conditionalFormatting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H21"/>
  <sheetViews>
    <sheetView zoomScale="80" zoomScaleNormal="80" workbookViewId="0">
      <pane ySplit="1" topLeftCell="A2" activePane="bottomLeft" state="frozen"/>
      <selection activeCell="BQ47" sqref="BQ47"/>
      <selection pane="bottomLeft" activeCell="N35" sqref="N35"/>
    </sheetView>
  </sheetViews>
  <sheetFormatPr defaultRowHeight="12.75" x14ac:dyDescent="0.2"/>
  <cols>
    <col min="1" max="1" width="17.42578125" style="4" bestFit="1" customWidth="1"/>
    <col min="2" max="2" width="18.7109375" style="4" bestFit="1" customWidth="1"/>
    <col min="3" max="3" width="6.5703125" style="4" bestFit="1" customWidth="1"/>
    <col min="4" max="4" width="9.42578125" style="4" bestFit="1" customWidth="1"/>
    <col min="5" max="5" width="11.28515625" style="4" customWidth="1"/>
    <col min="6" max="34" width="9.7109375" style="4" customWidth="1"/>
    <col min="35" max="16384" width="9.140625" style="4"/>
  </cols>
  <sheetData>
    <row r="1" spans="1:34" x14ac:dyDescent="0.2">
      <c r="A1" s="4" t="s">
        <v>1149</v>
      </c>
      <c r="B1" s="4" t="s">
        <v>1150</v>
      </c>
      <c r="C1" s="4" t="s">
        <v>1082</v>
      </c>
      <c r="D1" s="4" t="s">
        <v>1083</v>
      </c>
      <c r="E1" s="4" t="s">
        <v>1151</v>
      </c>
      <c r="F1" s="4" t="s">
        <v>0</v>
      </c>
      <c r="G1" s="4" t="s">
        <v>1</v>
      </c>
      <c r="H1" s="4" t="s">
        <v>2</v>
      </c>
      <c r="I1" s="4" t="s">
        <v>3</v>
      </c>
      <c r="J1" s="4" t="s">
        <v>4</v>
      </c>
      <c r="K1" s="4" t="s">
        <v>5</v>
      </c>
      <c r="L1" s="4" t="s">
        <v>6</v>
      </c>
      <c r="M1" s="4" t="s">
        <v>7</v>
      </c>
      <c r="N1" s="4" t="s">
        <v>8</v>
      </c>
      <c r="O1" s="4" t="s">
        <v>9</v>
      </c>
      <c r="P1" s="4" t="s">
        <v>10</v>
      </c>
      <c r="Q1" s="4" t="s">
        <v>11</v>
      </c>
      <c r="R1" s="4" t="s">
        <v>12</v>
      </c>
      <c r="S1" s="4" t="s">
        <v>13</v>
      </c>
      <c r="T1" s="4" t="s">
        <v>14</v>
      </c>
      <c r="U1" s="4" t="s">
        <v>15</v>
      </c>
      <c r="V1" s="4" t="s">
        <v>16</v>
      </c>
      <c r="W1" s="4" t="s">
        <v>17</v>
      </c>
      <c r="X1" s="4" t="s">
        <v>18</v>
      </c>
      <c r="Y1" s="4" t="s">
        <v>19</v>
      </c>
      <c r="Z1" s="4" t="s">
        <v>20</v>
      </c>
      <c r="AA1" s="4" t="s">
        <v>21</v>
      </c>
      <c r="AB1" s="4" t="s">
        <v>22</v>
      </c>
      <c r="AC1" s="4" t="s">
        <v>23</v>
      </c>
      <c r="AD1" s="4" t="s">
        <v>24</v>
      </c>
      <c r="AE1" s="4" t="s">
        <v>25</v>
      </c>
      <c r="AF1" s="4" t="s">
        <v>26</v>
      </c>
      <c r="AG1" s="4" t="s">
        <v>27</v>
      </c>
      <c r="AH1" s="4" t="s">
        <v>28</v>
      </c>
    </row>
    <row r="2" spans="1:34" x14ac:dyDescent="0.2">
      <c r="A2" s="4" t="s">
        <v>992</v>
      </c>
      <c r="B2" s="4" t="s">
        <v>993</v>
      </c>
      <c r="C2" s="4">
        <v>10</v>
      </c>
      <c r="D2" s="4" t="s">
        <v>1080</v>
      </c>
      <c r="E2" s="5" t="s">
        <v>1100</v>
      </c>
      <c r="F2" s="6">
        <v>196988.79007541927</v>
      </c>
      <c r="G2" s="5">
        <v>539.97419423600661</v>
      </c>
      <c r="H2" s="5">
        <v>55.125241819772675</v>
      </c>
      <c r="I2" s="5">
        <v>378.09511815590798</v>
      </c>
      <c r="J2" s="5">
        <v>8.2487232447670245</v>
      </c>
      <c r="K2" s="5">
        <v>13.319416176776688</v>
      </c>
      <c r="L2" s="5">
        <v>0.42900068288450344</v>
      </c>
      <c r="M2" s="6">
        <v>2860.6780758714613</v>
      </c>
      <c r="N2" s="5">
        <v>3.0462489754670687</v>
      </c>
      <c r="O2" s="5" t="s">
        <v>1101</v>
      </c>
      <c r="P2" s="5">
        <v>4.5402939378660953E-2</v>
      </c>
      <c r="Q2" s="5">
        <v>22.604933579987254</v>
      </c>
      <c r="R2" s="5">
        <v>0.60555906547770866</v>
      </c>
      <c r="S2" s="5">
        <v>9.7553814333620199</v>
      </c>
      <c r="T2" s="5">
        <v>19.229708388748335</v>
      </c>
      <c r="U2" s="5">
        <v>4.141811260931588</v>
      </c>
      <c r="V2" s="5">
        <v>92.508318201075895</v>
      </c>
      <c r="W2" s="5">
        <v>27.955744305230144</v>
      </c>
      <c r="X2" s="5">
        <v>330.62537029028914</v>
      </c>
      <c r="Y2" s="5">
        <v>120.2269721427825</v>
      </c>
      <c r="Z2" s="5">
        <v>558.31138271117015</v>
      </c>
      <c r="AA2" s="5">
        <v>118.76557161077282</v>
      </c>
      <c r="AB2" s="5">
        <v>1127.7039879155031</v>
      </c>
      <c r="AC2" s="5">
        <v>195.93638287121138</v>
      </c>
      <c r="AD2" s="6">
        <v>10191.811128986628</v>
      </c>
      <c r="AE2" s="5">
        <v>1.0288332081013178</v>
      </c>
      <c r="AF2" s="5">
        <v>92.678267690073483</v>
      </c>
      <c r="AG2" s="5">
        <v>334.42004352813296</v>
      </c>
      <c r="AH2" s="5">
        <v>414.59503976096983</v>
      </c>
    </row>
    <row r="3" spans="1:34" x14ac:dyDescent="0.2">
      <c r="A3" s="4" t="s">
        <v>1043</v>
      </c>
      <c r="B3" s="4" t="s">
        <v>1044</v>
      </c>
      <c r="C3" s="4">
        <v>19</v>
      </c>
      <c r="D3" s="4" t="s">
        <v>1080</v>
      </c>
      <c r="E3" s="5" t="s">
        <v>1116</v>
      </c>
      <c r="F3" s="6">
        <v>166829.88543796958</v>
      </c>
      <c r="G3" s="5">
        <v>360.93494336888159</v>
      </c>
      <c r="H3" s="5">
        <v>39.276868323317665</v>
      </c>
      <c r="I3" s="5">
        <v>354.38783999696045</v>
      </c>
      <c r="J3" s="5">
        <v>11.55910351090411</v>
      </c>
      <c r="K3" s="5">
        <v>28.532513750868599</v>
      </c>
      <c r="L3" s="5">
        <v>0.28143501028085199</v>
      </c>
      <c r="M3" s="6">
        <v>1425.9612738843068</v>
      </c>
      <c r="N3" s="5">
        <v>3.1776134434840522</v>
      </c>
      <c r="O3" s="5" t="s">
        <v>1117</v>
      </c>
      <c r="P3" s="5">
        <v>1.0493935379784939E-2</v>
      </c>
      <c r="Q3" s="5">
        <v>18.582633502557403</v>
      </c>
      <c r="R3" s="5">
        <v>0.21129654417849963</v>
      </c>
      <c r="S3" s="5">
        <v>3.5326696407213545</v>
      </c>
      <c r="T3" s="5">
        <v>6.4008044343081512</v>
      </c>
      <c r="U3" s="5">
        <v>1.2882821887570179</v>
      </c>
      <c r="V3" s="5">
        <v>33.724720289077403</v>
      </c>
      <c r="W3" s="5">
        <v>10.740462538640081</v>
      </c>
      <c r="X3" s="5">
        <v>130.22905512852464</v>
      </c>
      <c r="Y3" s="5">
        <v>48.697532472756926</v>
      </c>
      <c r="Z3" s="5">
        <v>242.55101563104418</v>
      </c>
      <c r="AA3" s="5">
        <v>53.431649780566154</v>
      </c>
      <c r="AB3" s="5">
        <v>520.25232776348435</v>
      </c>
      <c r="AC3" s="5">
        <v>92.610342791587271</v>
      </c>
      <c r="AD3" s="6">
        <v>8330.7095360649946</v>
      </c>
      <c r="AE3" s="5">
        <v>0.91464153093509881</v>
      </c>
      <c r="AF3" s="5">
        <v>59.948709118740368</v>
      </c>
      <c r="AG3" s="5">
        <v>223.78621407469598</v>
      </c>
      <c r="AH3" s="5">
        <v>282.19215390818323</v>
      </c>
    </row>
    <row r="4" spans="1:34" x14ac:dyDescent="0.2">
      <c r="A4" s="4" t="s">
        <v>1051</v>
      </c>
      <c r="B4" s="4" t="s">
        <v>1052</v>
      </c>
      <c r="C4" s="4">
        <v>23</v>
      </c>
      <c r="D4" s="4" t="s">
        <v>1080</v>
      </c>
      <c r="E4" s="5" t="s">
        <v>1128</v>
      </c>
      <c r="F4" s="6">
        <v>170223.57152606733</v>
      </c>
      <c r="G4" s="5">
        <v>395.79971812421257</v>
      </c>
      <c r="H4" s="5" t="s">
        <v>1129</v>
      </c>
      <c r="I4" s="5">
        <v>391.58980137976471</v>
      </c>
      <c r="J4" s="5">
        <v>7.9130538131257708</v>
      </c>
      <c r="K4" s="5">
        <v>14.18260021783092</v>
      </c>
      <c r="L4" s="5">
        <v>0.29571456648382421</v>
      </c>
      <c r="M4" s="6">
        <v>1796.1763130307484</v>
      </c>
      <c r="N4" s="5">
        <v>6.2258433866667833</v>
      </c>
      <c r="O4" s="5" t="s">
        <v>1130</v>
      </c>
      <c r="P4" s="5">
        <v>9.4706060140284168E-3</v>
      </c>
      <c r="Q4" s="5">
        <v>19.232262419641945</v>
      </c>
      <c r="R4" s="5">
        <v>0.19511899152516657</v>
      </c>
      <c r="S4" s="5">
        <v>3.8151761271209308</v>
      </c>
      <c r="T4" s="5">
        <v>6.5086593311242353</v>
      </c>
      <c r="U4" s="5">
        <v>1.1928952221477551</v>
      </c>
      <c r="V4" s="5">
        <v>37.483457292298368</v>
      </c>
      <c r="W4" s="5">
        <v>12.248277328806655</v>
      </c>
      <c r="X4" s="5">
        <v>154.30825166531037</v>
      </c>
      <c r="Y4" s="5">
        <v>60.168605418991028</v>
      </c>
      <c r="Z4" s="5">
        <v>314.21451561666487</v>
      </c>
      <c r="AA4" s="5">
        <v>67.620299675484702</v>
      </c>
      <c r="AB4" s="5">
        <v>655.55292710575191</v>
      </c>
      <c r="AC4" s="5">
        <v>135.76632410011857</v>
      </c>
      <c r="AD4" s="6">
        <v>9135.0843698285134</v>
      </c>
      <c r="AE4" s="5">
        <v>1.5344576836376278</v>
      </c>
      <c r="AF4" s="5">
        <v>45.333707942105377</v>
      </c>
      <c r="AG4" s="5">
        <v>158.64390961649013</v>
      </c>
      <c r="AH4" s="5">
        <v>306.27606053019969</v>
      </c>
    </row>
    <row r="5" spans="1:34" x14ac:dyDescent="0.2">
      <c r="A5" s="4" t="s">
        <v>1053</v>
      </c>
      <c r="B5" s="4" t="s">
        <v>1054</v>
      </c>
      <c r="C5" s="4">
        <v>25</v>
      </c>
      <c r="D5" s="4" t="s">
        <v>1080</v>
      </c>
      <c r="E5" s="5" t="s">
        <v>1131</v>
      </c>
      <c r="F5" s="6">
        <v>167520.78433404278</v>
      </c>
      <c r="G5" s="5">
        <v>330.13615261307314</v>
      </c>
      <c r="H5" s="5" t="s">
        <v>1132</v>
      </c>
      <c r="I5" s="5">
        <v>370.38175450499938</v>
      </c>
      <c r="J5" s="5">
        <v>8.2113107791363991</v>
      </c>
      <c r="K5" s="5">
        <v>15.774060206838117</v>
      </c>
      <c r="L5" s="5">
        <v>0.24396822887660741</v>
      </c>
      <c r="M5" s="6">
        <v>1506.153195945031</v>
      </c>
      <c r="N5" s="5">
        <v>4.868387892898876</v>
      </c>
      <c r="O5" s="5">
        <v>0.24767027570733099</v>
      </c>
      <c r="P5" s="5">
        <v>9.6460488594561529E-3</v>
      </c>
      <c r="Q5" s="5">
        <v>16.383767729013101</v>
      </c>
      <c r="R5" s="5">
        <v>0.15884836656200851</v>
      </c>
      <c r="S5" s="5">
        <v>2.6762852739016023</v>
      </c>
      <c r="T5" s="5">
        <v>6.494993869024329</v>
      </c>
      <c r="U5" s="5">
        <v>1.0612270858670565</v>
      </c>
      <c r="V5" s="5">
        <v>30.995821215390453</v>
      </c>
      <c r="W5" s="5">
        <v>10.334791667209748</v>
      </c>
      <c r="X5" s="5">
        <v>132.7616001440328</v>
      </c>
      <c r="Y5" s="5">
        <v>51.240480145378534</v>
      </c>
      <c r="Z5" s="5">
        <v>263.45271183013983</v>
      </c>
      <c r="AA5" s="5">
        <v>57.570625071629507</v>
      </c>
      <c r="AB5" s="5">
        <v>563.79207832732982</v>
      </c>
      <c r="AC5" s="5">
        <v>114.24603170555248</v>
      </c>
      <c r="AD5" s="6">
        <v>9044.1999133016307</v>
      </c>
      <c r="AE5" s="5">
        <v>1.2465969486907931</v>
      </c>
      <c r="AF5" s="5">
        <v>34.946975425146725</v>
      </c>
      <c r="AG5" s="5">
        <v>122.58539611014579</v>
      </c>
      <c r="AH5" s="5">
        <v>257.61662701426587</v>
      </c>
    </row>
    <row r="6" spans="1:34" x14ac:dyDescent="0.2">
      <c r="A6" s="4" t="s">
        <v>981</v>
      </c>
      <c r="B6" s="4" t="s">
        <v>982</v>
      </c>
      <c r="C6" s="4">
        <v>3</v>
      </c>
      <c r="D6" s="4" t="s">
        <v>1080</v>
      </c>
      <c r="E6" s="5">
        <v>5.5937228644486501</v>
      </c>
      <c r="F6" s="6">
        <v>208864.98474613568</v>
      </c>
      <c r="G6" s="5">
        <v>788.70725932672838</v>
      </c>
      <c r="H6" s="5" t="s">
        <v>1088</v>
      </c>
      <c r="I6" s="5">
        <v>355.19631602421833</v>
      </c>
      <c r="J6" s="5">
        <v>8.2490886285098242</v>
      </c>
      <c r="K6" s="5">
        <v>71.882364324111037</v>
      </c>
      <c r="L6" s="5">
        <v>0.61537347575082024</v>
      </c>
      <c r="M6" s="6">
        <v>3685.5534447754117</v>
      </c>
      <c r="N6" s="5">
        <v>2.8514301586717896</v>
      </c>
      <c r="O6" s="5" t="s">
        <v>1089</v>
      </c>
      <c r="P6" s="5">
        <v>0.20552693104240766</v>
      </c>
      <c r="Q6" s="5">
        <v>26.782809983666045</v>
      </c>
      <c r="R6" s="5">
        <v>0.90648676265225925</v>
      </c>
      <c r="S6" s="5">
        <v>13.861794846613913</v>
      </c>
      <c r="T6" s="5">
        <v>24.188461277916169</v>
      </c>
      <c r="U6" s="5">
        <v>5.0797676242147247</v>
      </c>
      <c r="V6" s="5">
        <v>123.05723956086942</v>
      </c>
      <c r="W6" s="5">
        <v>37.008073491099488</v>
      </c>
      <c r="X6" s="5">
        <v>442.89702712099188</v>
      </c>
      <c r="Y6" s="5">
        <v>154.66757905266866</v>
      </c>
      <c r="Z6" s="5">
        <v>705.08441967210365</v>
      </c>
      <c r="AA6" s="5">
        <v>145.99751147271627</v>
      </c>
      <c r="AB6" s="5">
        <v>1352.2328196832402</v>
      </c>
      <c r="AC6" s="5">
        <v>241.48822397681292</v>
      </c>
      <c r="AD6" s="6">
        <v>10888.791835574153</v>
      </c>
      <c r="AE6" s="5">
        <v>1.2068240451744767</v>
      </c>
      <c r="AF6" s="5">
        <v>136.41037572584648</v>
      </c>
      <c r="AG6" s="5">
        <v>470.13076899036014</v>
      </c>
      <c r="AH6" s="5">
        <v>515.34313956152118</v>
      </c>
    </row>
    <row r="7" spans="1:34" x14ac:dyDescent="0.2">
      <c r="A7" s="4" t="s">
        <v>986</v>
      </c>
      <c r="B7" s="4" t="s">
        <v>987</v>
      </c>
      <c r="C7" s="4">
        <v>6</v>
      </c>
      <c r="D7" s="4" t="s">
        <v>1080</v>
      </c>
      <c r="E7" s="5" t="s">
        <v>1094</v>
      </c>
      <c r="F7" s="6">
        <v>195679.06925498083</v>
      </c>
      <c r="G7" s="5">
        <v>650.85864730042613</v>
      </c>
      <c r="H7" s="5" t="s">
        <v>1095</v>
      </c>
      <c r="I7" s="5">
        <v>437.95311898668734</v>
      </c>
      <c r="J7" s="5">
        <v>11.991989440814619</v>
      </c>
      <c r="K7" s="5">
        <v>22.157806261223218</v>
      </c>
      <c r="L7" s="5">
        <v>0.35021809918702218</v>
      </c>
      <c r="M7" s="6">
        <v>2324.07677404162</v>
      </c>
      <c r="N7" s="5">
        <v>4.6833314815632621</v>
      </c>
      <c r="O7" s="5" t="s">
        <v>1096</v>
      </c>
      <c r="P7" s="5">
        <v>4.7917786767712328E-2</v>
      </c>
      <c r="Q7" s="5">
        <v>26.521605266916033</v>
      </c>
      <c r="R7" s="5">
        <v>0.33904410703738774</v>
      </c>
      <c r="S7" s="5">
        <v>5.6954682416861111</v>
      </c>
      <c r="T7" s="5">
        <v>12.054257181506843</v>
      </c>
      <c r="U7" s="5">
        <v>2.5917051707791781</v>
      </c>
      <c r="V7" s="5">
        <v>60.195705212584684</v>
      </c>
      <c r="W7" s="5">
        <v>20.116354486330572</v>
      </c>
      <c r="X7" s="5">
        <v>238.98884425113431</v>
      </c>
      <c r="Y7" s="5">
        <v>93.607689317462444</v>
      </c>
      <c r="Z7" s="5">
        <v>448.47051729173273</v>
      </c>
      <c r="AA7" s="5">
        <v>98.668394295493741</v>
      </c>
      <c r="AB7" s="5">
        <v>941.5128380770235</v>
      </c>
      <c r="AC7" s="5">
        <v>174.38752461450679</v>
      </c>
      <c r="AD7" s="6">
        <v>10147.125745098216</v>
      </c>
      <c r="AE7" s="5">
        <v>1.3936334534003889</v>
      </c>
      <c r="AF7" s="5">
        <v>95.354792647778069</v>
      </c>
      <c r="AG7" s="5">
        <v>322.47958977801073</v>
      </c>
      <c r="AH7" s="5">
        <v>417.26766892961723</v>
      </c>
    </row>
    <row r="8" spans="1:34" x14ac:dyDescent="0.2">
      <c r="A8" s="4" t="s">
        <v>994</v>
      </c>
      <c r="B8" s="4" t="s">
        <v>995</v>
      </c>
      <c r="C8" s="4">
        <v>13</v>
      </c>
      <c r="D8" s="4" t="s">
        <v>1081</v>
      </c>
      <c r="E8" s="5" t="s">
        <v>1102</v>
      </c>
      <c r="F8" s="6">
        <v>191910.32492930754</v>
      </c>
      <c r="G8" s="5">
        <v>596.58131354441196</v>
      </c>
      <c r="H8" s="5" t="s">
        <v>1103</v>
      </c>
      <c r="I8" s="5">
        <v>407.6594571575659</v>
      </c>
      <c r="J8" s="5">
        <v>10.758270279290047</v>
      </c>
      <c r="K8" s="5">
        <v>32.532997503775825</v>
      </c>
      <c r="L8" s="5">
        <v>0.35365367875223952</v>
      </c>
      <c r="M8" s="6">
        <v>2687.9839257560943</v>
      </c>
      <c r="N8" s="5">
        <v>4.0673667102322817</v>
      </c>
      <c r="O8" s="5" t="s">
        <v>1104</v>
      </c>
      <c r="P8" s="5">
        <v>5.0600977081871695E-2</v>
      </c>
      <c r="Q8" s="5">
        <v>29.890920569571957</v>
      </c>
      <c r="R8" s="5">
        <v>0.50439957014653769</v>
      </c>
      <c r="S8" s="5">
        <v>8.2073758260283292</v>
      </c>
      <c r="T8" s="5">
        <v>16.233184671775277</v>
      </c>
      <c r="U8" s="5">
        <v>3.438825405097782</v>
      </c>
      <c r="V8" s="5">
        <v>81.014632812921093</v>
      </c>
      <c r="W8" s="5">
        <v>25.090194108912527</v>
      </c>
      <c r="X8" s="5">
        <v>300.67861910045991</v>
      </c>
      <c r="Y8" s="5">
        <v>110.21478007907108</v>
      </c>
      <c r="Z8" s="5">
        <v>524.37968624198447</v>
      </c>
      <c r="AA8" s="5">
        <v>112.78721579022248</v>
      </c>
      <c r="AB8" s="5">
        <v>1046.5289547420941</v>
      </c>
      <c r="AC8" s="5">
        <v>185.79619819606631</v>
      </c>
      <c r="AD8" s="6">
        <v>10063.538101467497</v>
      </c>
      <c r="AE8" s="5">
        <v>1.3363500497211502</v>
      </c>
      <c r="AF8" s="5">
        <v>133.63090376680921</v>
      </c>
      <c r="AG8" s="5">
        <v>461.86503516479456</v>
      </c>
      <c r="AH8" s="5">
        <v>484.8437688359586</v>
      </c>
    </row>
    <row r="9" spans="1:34" x14ac:dyDescent="0.2">
      <c r="A9" s="4" t="s">
        <v>996</v>
      </c>
      <c r="B9" s="4" t="s">
        <v>997</v>
      </c>
      <c r="C9" s="4">
        <v>14</v>
      </c>
      <c r="D9" s="4" t="s">
        <v>1081</v>
      </c>
      <c r="E9" s="5" t="s">
        <v>1105</v>
      </c>
      <c r="F9" s="6">
        <v>178507.08620646439</v>
      </c>
      <c r="G9" s="5">
        <v>445.75553219498522</v>
      </c>
      <c r="H9" s="5" t="s">
        <v>1106</v>
      </c>
      <c r="I9" s="5">
        <v>350.90901520419391</v>
      </c>
      <c r="J9" s="5">
        <v>8.0613909688283574</v>
      </c>
      <c r="K9" s="5">
        <v>30.199836785731897</v>
      </c>
      <c r="L9" s="5">
        <v>0.26526640229119725</v>
      </c>
      <c r="M9" s="6">
        <v>1733.0552721957388</v>
      </c>
      <c r="N9" s="5">
        <v>3.3807739274836557</v>
      </c>
      <c r="O9" s="5" t="s">
        <v>1107</v>
      </c>
      <c r="P9" s="5">
        <v>0.11042374234712191</v>
      </c>
      <c r="Q9" s="5">
        <v>17.518742306765251</v>
      </c>
      <c r="R9" s="5">
        <v>0.423514182011136</v>
      </c>
      <c r="S9" s="5">
        <v>5.053072428572527</v>
      </c>
      <c r="T9" s="5">
        <v>9.003063809276922</v>
      </c>
      <c r="U9" s="5">
        <v>1.7802347425777745</v>
      </c>
      <c r="V9" s="5">
        <v>45.910298810978823</v>
      </c>
      <c r="W9" s="5">
        <v>14.868642591894545</v>
      </c>
      <c r="X9" s="5">
        <v>178.12670213580378</v>
      </c>
      <c r="Y9" s="5">
        <v>68.16766761944001</v>
      </c>
      <c r="Z9" s="5">
        <v>330.71519057193103</v>
      </c>
      <c r="AA9" s="5">
        <v>72.286900721392072</v>
      </c>
      <c r="AB9" s="5">
        <v>701.34238486257141</v>
      </c>
      <c r="AC9" s="5">
        <v>131.74119039938765</v>
      </c>
      <c r="AD9" s="6">
        <v>10011.485491888458</v>
      </c>
      <c r="AE9" s="5">
        <v>1.1276665360295046</v>
      </c>
      <c r="AF9" s="5">
        <v>53.314925913965297</v>
      </c>
      <c r="AG9" s="5">
        <v>183.69105516655316</v>
      </c>
      <c r="AH9" s="5">
        <v>290.69098096318049</v>
      </c>
    </row>
    <row r="10" spans="1:34" x14ac:dyDescent="0.2">
      <c r="A10" s="4" t="s">
        <v>998</v>
      </c>
      <c r="B10" s="4" t="s">
        <v>999</v>
      </c>
      <c r="C10" s="4">
        <v>15</v>
      </c>
      <c r="D10" s="4" t="s">
        <v>1081</v>
      </c>
      <c r="E10" s="5" t="s">
        <v>1108</v>
      </c>
      <c r="F10" s="6">
        <v>176759.63731723229</v>
      </c>
      <c r="G10" s="5">
        <v>405.66009045401404</v>
      </c>
      <c r="H10" s="5" t="s">
        <v>1109</v>
      </c>
      <c r="I10" s="5">
        <v>361.47103163773664</v>
      </c>
      <c r="J10" s="5">
        <v>9.3074090370711087</v>
      </c>
      <c r="K10" s="5">
        <v>30.951798467070908</v>
      </c>
      <c r="L10" s="5">
        <v>0.21673321088117364</v>
      </c>
      <c r="M10" s="6">
        <v>1317.0026383620316</v>
      </c>
      <c r="N10" s="5">
        <v>2.8137073792295273</v>
      </c>
      <c r="O10" s="5" t="s">
        <v>1110</v>
      </c>
      <c r="P10" s="5">
        <v>1.0749714753049682E-2</v>
      </c>
      <c r="Q10" s="5">
        <v>21.328556156066686</v>
      </c>
      <c r="R10" s="5">
        <v>0.17684485761167565</v>
      </c>
      <c r="S10" s="5">
        <v>2.8200131753762099</v>
      </c>
      <c r="T10" s="5">
        <v>6.4883165850201943</v>
      </c>
      <c r="U10" s="5">
        <v>1.2713045722709151</v>
      </c>
      <c r="V10" s="5">
        <v>34.80992012829244</v>
      </c>
      <c r="W10" s="5">
        <v>10.885940102186931</v>
      </c>
      <c r="X10" s="5">
        <v>137.69528448420436</v>
      </c>
      <c r="Y10" s="5">
        <v>52.416577518400871</v>
      </c>
      <c r="Z10" s="5">
        <v>255.64065677605916</v>
      </c>
      <c r="AA10" s="5">
        <v>56.668893761667562</v>
      </c>
      <c r="AB10" s="5">
        <v>558.85605491717479</v>
      </c>
      <c r="AC10" s="5">
        <v>99.100689641785124</v>
      </c>
      <c r="AD10" s="6">
        <v>10104.469692857754</v>
      </c>
      <c r="AE10" s="5">
        <v>1.0811555700255939</v>
      </c>
      <c r="AF10" s="5">
        <v>50.146650503854325</v>
      </c>
      <c r="AG10" s="5">
        <v>190.06644043992637</v>
      </c>
      <c r="AH10" s="5">
        <v>277.770559894602</v>
      </c>
    </row>
    <row r="11" spans="1:34" x14ac:dyDescent="0.2">
      <c r="A11" s="4" t="s">
        <v>1039</v>
      </c>
      <c r="B11" s="4" t="s">
        <v>1040</v>
      </c>
      <c r="C11" s="4">
        <v>16</v>
      </c>
      <c r="D11" s="4" t="s">
        <v>1081</v>
      </c>
      <c r="E11" s="5" t="s">
        <v>1111</v>
      </c>
      <c r="F11" s="6">
        <v>172035.39457916311</v>
      </c>
      <c r="G11" s="5">
        <v>380.81762201837023</v>
      </c>
      <c r="H11" s="5" t="s">
        <v>1112</v>
      </c>
      <c r="I11" s="5">
        <v>360.97461365426835</v>
      </c>
      <c r="J11" s="5">
        <v>9.1628433309904977</v>
      </c>
      <c r="K11" s="5">
        <v>19.34709250174572</v>
      </c>
      <c r="L11" s="5">
        <v>0.18268801263633491</v>
      </c>
      <c r="M11" s="6">
        <v>1971.587396358922</v>
      </c>
      <c r="N11" s="5">
        <v>3.9312295053227615</v>
      </c>
      <c r="O11" s="5" t="s">
        <v>1113</v>
      </c>
      <c r="P11" s="5">
        <v>1.7652458680414627E-2</v>
      </c>
      <c r="Q11" s="5">
        <v>15.915777067468591</v>
      </c>
      <c r="R11" s="5">
        <v>0.31109595135247264</v>
      </c>
      <c r="S11" s="5">
        <v>5.2458367360363782</v>
      </c>
      <c r="T11" s="5">
        <v>9.127848893321806</v>
      </c>
      <c r="U11" s="5">
        <v>1.5240848129669315</v>
      </c>
      <c r="V11" s="5">
        <v>46.062751277074142</v>
      </c>
      <c r="W11" s="5">
        <v>14.287922545106721</v>
      </c>
      <c r="X11" s="5">
        <v>173.03416903127999</v>
      </c>
      <c r="Y11" s="5">
        <v>67.885371529834075</v>
      </c>
      <c r="Z11" s="5">
        <v>331.10541239733953</v>
      </c>
      <c r="AA11" s="5">
        <v>71.172411602222354</v>
      </c>
      <c r="AB11" s="5">
        <v>664.71150885518966</v>
      </c>
      <c r="AC11" s="5">
        <v>131.63169619830742</v>
      </c>
      <c r="AD11" s="6">
        <v>8497.0316514935876</v>
      </c>
      <c r="AE11" s="5">
        <v>0.98064593868487016</v>
      </c>
      <c r="AF11" s="5">
        <v>50.401750039882387</v>
      </c>
      <c r="AG11" s="5">
        <v>175.524614893907</v>
      </c>
      <c r="AH11" s="5">
        <v>255.11946021266559</v>
      </c>
    </row>
    <row r="12" spans="1:34" x14ac:dyDescent="0.2">
      <c r="A12" s="4" t="s">
        <v>1041</v>
      </c>
      <c r="B12" s="4" t="s">
        <v>1042</v>
      </c>
      <c r="C12" s="4">
        <v>17</v>
      </c>
      <c r="D12" s="4" t="s">
        <v>1081</v>
      </c>
      <c r="E12" s="5">
        <v>5.3638976682732444</v>
      </c>
      <c r="F12" s="6">
        <v>168648.50677231813</v>
      </c>
      <c r="G12" s="5">
        <v>363.23759610718338</v>
      </c>
      <c r="H12" s="5" t="s">
        <v>1114</v>
      </c>
      <c r="I12" s="5">
        <v>389.27670441013504</v>
      </c>
      <c r="J12" s="5">
        <v>10.420355890660376</v>
      </c>
      <c r="K12" s="5">
        <v>33.886417143117562</v>
      </c>
      <c r="L12" s="5">
        <v>0.26845605363289138</v>
      </c>
      <c r="M12" s="6">
        <v>1581.1197219893231</v>
      </c>
      <c r="N12" s="5">
        <v>4.2245496700997336</v>
      </c>
      <c r="O12" s="5" t="s">
        <v>1115</v>
      </c>
      <c r="P12" s="5">
        <v>0.26216892877247067</v>
      </c>
      <c r="Q12" s="5">
        <v>20.278559739772074</v>
      </c>
      <c r="R12" s="5">
        <v>0.27526031878883267</v>
      </c>
      <c r="S12" s="5">
        <v>4.0412100993871105</v>
      </c>
      <c r="T12" s="5">
        <v>6.734364144280268</v>
      </c>
      <c r="U12" s="5">
        <v>1.2236332260742466</v>
      </c>
      <c r="V12" s="5">
        <v>32.750215968786158</v>
      </c>
      <c r="W12" s="5">
        <v>11.089131859396794</v>
      </c>
      <c r="X12" s="5">
        <v>135.97158669682261</v>
      </c>
      <c r="Y12" s="5">
        <v>53.285295584173745</v>
      </c>
      <c r="Z12" s="5">
        <v>265.40784121639246</v>
      </c>
      <c r="AA12" s="5">
        <v>60.302204103130663</v>
      </c>
      <c r="AB12" s="5">
        <v>597.87829054349311</v>
      </c>
      <c r="AC12" s="5">
        <v>107.91618378798226</v>
      </c>
      <c r="AD12" s="6">
        <v>8336.0471951700383</v>
      </c>
      <c r="AE12" s="5">
        <v>1.1615254409699489</v>
      </c>
      <c r="AF12" s="5">
        <v>46.097659096663598</v>
      </c>
      <c r="AG12" s="5">
        <v>152.96947490990476</v>
      </c>
      <c r="AH12" s="5">
        <v>259.43009673939736</v>
      </c>
    </row>
    <row r="13" spans="1:34" x14ac:dyDescent="0.2">
      <c r="A13" s="4" t="s">
        <v>975</v>
      </c>
      <c r="B13" s="4" t="s">
        <v>976</v>
      </c>
      <c r="C13" s="4">
        <v>1</v>
      </c>
      <c r="D13" s="4" t="s">
        <v>1081</v>
      </c>
      <c r="E13" s="5" t="s">
        <v>977</v>
      </c>
      <c r="F13" s="6">
        <v>192575.95217651583</v>
      </c>
      <c r="G13" s="5">
        <v>629.84765957044931</v>
      </c>
      <c r="H13" s="5">
        <v>68.257852230654862</v>
      </c>
      <c r="I13" s="5">
        <v>396.37099880660639</v>
      </c>
      <c r="J13" s="5">
        <v>10.43625488198864</v>
      </c>
      <c r="K13" s="5">
        <v>9.3118202777053458</v>
      </c>
      <c r="L13" s="5">
        <v>0.47360223334407847</v>
      </c>
      <c r="M13" s="6">
        <v>3280.2568319614797</v>
      </c>
      <c r="N13" s="5">
        <v>4.3278834085771889</v>
      </c>
      <c r="O13" s="5" t="s">
        <v>978</v>
      </c>
      <c r="P13" s="5">
        <v>5.3509402050782216E-2</v>
      </c>
      <c r="Q13" s="5">
        <v>37.973498832558647</v>
      </c>
      <c r="R13" s="5">
        <v>0.76839039228278561</v>
      </c>
      <c r="S13" s="5">
        <v>13.677929510097194</v>
      </c>
      <c r="T13" s="5">
        <v>25.710616382267979</v>
      </c>
      <c r="U13" s="5">
        <v>5.4476153800015972</v>
      </c>
      <c r="V13" s="5">
        <v>118.80097879257225</v>
      </c>
      <c r="W13" s="5">
        <v>34.643083415354404</v>
      </c>
      <c r="X13" s="5">
        <v>406.19781401383671</v>
      </c>
      <c r="Y13" s="5">
        <v>143.90858882166958</v>
      </c>
      <c r="Z13" s="5">
        <v>637.10438641292058</v>
      </c>
      <c r="AA13" s="5">
        <v>137.99537979500582</v>
      </c>
      <c r="AB13" s="5">
        <v>1300.3414904095448</v>
      </c>
      <c r="AC13" s="5">
        <v>210.6609634714888</v>
      </c>
      <c r="AD13" s="6">
        <v>10105.481025062874</v>
      </c>
      <c r="AE13" s="5">
        <v>1.2923974225663784</v>
      </c>
      <c r="AF13" s="5">
        <v>157.601022338495</v>
      </c>
      <c r="AG13" s="5">
        <v>587.42712258541735</v>
      </c>
      <c r="AH13" s="5">
        <v>610.75664952431384</v>
      </c>
    </row>
    <row r="14" spans="1:34" x14ac:dyDescent="0.2">
      <c r="A14" s="4" t="s">
        <v>1045</v>
      </c>
      <c r="B14" s="4" t="s">
        <v>1046</v>
      </c>
      <c r="C14" s="4">
        <v>20</v>
      </c>
      <c r="D14" s="4" t="s">
        <v>1081</v>
      </c>
      <c r="E14" s="5" t="s">
        <v>1118</v>
      </c>
      <c r="F14" s="6">
        <v>167645.1036704047</v>
      </c>
      <c r="G14" s="5">
        <v>341.15108946702048</v>
      </c>
      <c r="H14" s="5" t="s">
        <v>1119</v>
      </c>
      <c r="I14" s="5">
        <v>352.40720667702675</v>
      </c>
      <c r="J14" s="5">
        <v>12.013740823755651</v>
      </c>
      <c r="K14" s="5">
        <v>17.901238754440538</v>
      </c>
      <c r="L14" s="5">
        <v>0.19577747210264929</v>
      </c>
      <c r="M14" s="6">
        <v>1164.9895947826408</v>
      </c>
      <c r="N14" s="5">
        <v>2.9370458787096623</v>
      </c>
      <c r="O14" s="5" t="s">
        <v>1120</v>
      </c>
      <c r="P14" s="5" t="s">
        <v>1121</v>
      </c>
      <c r="Q14" s="5">
        <v>16.99231455618078</v>
      </c>
      <c r="R14" s="5">
        <v>0.14411627617268885</v>
      </c>
      <c r="S14" s="5">
        <v>3.3680674309893734</v>
      </c>
      <c r="T14" s="5">
        <v>5.9628747235057284</v>
      </c>
      <c r="U14" s="5">
        <v>0.99850937027276909</v>
      </c>
      <c r="V14" s="5">
        <v>26.177732814826889</v>
      </c>
      <c r="W14" s="5">
        <v>8.3526955288169216</v>
      </c>
      <c r="X14" s="5">
        <v>107.46217088513751</v>
      </c>
      <c r="Y14" s="5">
        <v>40.40358096873161</v>
      </c>
      <c r="Z14" s="5">
        <v>197.19403710231646</v>
      </c>
      <c r="AA14" s="5">
        <v>43.994268221131335</v>
      </c>
      <c r="AB14" s="5">
        <v>452.19008454817828</v>
      </c>
      <c r="AC14" s="5">
        <v>76.995782449031751</v>
      </c>
      <c r="AD14" s="6">
        <v>7928.6983927862639</v>
      </c>
      <c r="AE14" s="5">
        <v>0.92533633568332374</v>
      </c>
      <c r="AF14" s="5">
        <v>42.846925120232719</v>
      </c>
      <c r="AG14" s="5">
        <v>157.26337624954297</v>
      </c>
      <c r="AH14" s="5">
        <v>228.2588948402551</v>
      </c>
    </row>
    <row r="15" spans="1:34" x14ac:dyDescent="0.2">
      <c r="A15" s="4" t="s">
        <v>1047</v>
      </c>
      <c r="B15" s="4" t="s">
        <v>1048</v>
      </c>
      <c r="C15" s="4">
        <v>21</v>
      </c>
      <c r="D15" s="4" t="s">
        <v>1081</v>
      </c>
      <c r="E15" s="5" t="s">
        <v>1122</v>
      </c>
      <c r="F15" s="6">
        <v>165600.79309664227</v>
      </c>
      <c r="G15" s="5">
        <v>374.04873824010178</v>
      </c>
      <c r="H15" s="5" t="s">
        <v>1123</v>
      </c>
      <c r="I15" s="5">
        <v>380.94514275896029</v>
      </c>
      <c r="J15" s="5">
        <v>10.877495605624336</v>
      </c>
      <c r="K15" s="5">
        <v>20.22296004796517</v>
      </c>
      <c r="L15" s="5">
        <v>0.28252492131033696</v>
      </c>
      <c r="M15" s="6">
        <v>1408.6783103250234</v>
      </c>
      <c r="N15" s="5">
        <v>4.4748704881497829</v>
      </c>
      <c r="O15" s="5" t="s">
        <v>1124</v>
      </c>
      <c r="P15" s="5">
        <v>8.8822999215815001E-3</v>
      </c>
      <c r="Q15" s="5">
        <v>19.133593105194301</v>
      </c>
      <c r="R15" s="5">
        <v>0.15653094481582777</v>
      </c>
      <c r="S15" s="5">
        <v>3.1698509362976552</v>
      </c>
      <c r="T15" s="5">
        <v>6.5745904698587019</v>
      </c>
      <c r="U15" s="5">
        <v>1.2065136770523568</v>
      </c>
      <c r="V15" s="5">
        <v>29.923675127640582</v>
      </c>
      <c r="W15" s="5">
        <v>10.229004868098759</v>
      </c>
      <c r="X15" s="5">
        <v>126.03184812075378</v>
      </c>
      <c r="Y15" s="5">
        <v>47.503510403800057</v>
      </c>
      <c r="Z15" s="5">
        <v>245.53555815726676</v>
      </c>
      <c r="AA15" s="5">
        <v>54.205483312814032</v>
      </c>
      <c r="AB15" s="5">
        <v>575.24452475331248</v>
      </c>
      <c r="AC15" s="5">
        <v>100.02783903689625</v>
      </c>
      <c r="AD15" s="6">
        <v>8211.3490034762654</v>
      </c>
      <c r="AE15" s="5">
        <v>1.2800493755639799</v>
      </c>
      <c r="AF15" s="5">
        <v>48.700900532619116</v>
      </c>
      <c r="AG15" s="5">
        <v>168.00433438248263</v>
      </c>
      <c r="AH15" s="5">
        <v>281.25975954384091</v>
      </c>
    </row>
    <row r="16" spans="1:34" x14ac:dyDescent="0.2">
      <c r="A16" s="4" t="s">
        <v>1049</v>
      </c>
      <c r="B16" s="4" t="s">
        <v>1050</v>
      </c>
      <c r="C16" s="4">
        <v>22</v>
      </c>
      <c r="D16" s="4" t="s">
        <v>1081</v>
      </c>
      <c r="E16" s="5" t="s">
        <v>1125</v>
      </c>
      <c r="F16" s="6">
        <v>164197.14139481541</v>
      </c>
      <c r="G16" s="5">
        <v>312.99799681589514</v>
      </c>
      <c r="H16" s="5" t="s">
        <v>1126</v>
      </c>
      <c r="I16" s="5">
        <v>325.47881465535227</v>
      </c>
      <c r="J16" s="5">
        <v>7.8169271011798411</v>
      </c>
      <c r="K16" s="5">
        <v>26.516194117518516</v>
      </c>
      <c r="L16" s="5">
        <v>0.3492738912783887</v>
      </c>
      <c r="M16" s="6">
        <v>2201.2996798016202</v>
      </c>
      <c r="N16" s="5">
        <v>2.2144052621861845</v>
      </c>
      <c r="O16" s="5" t="s">
        <v>1127</v>
      </c>
      <c r="P16" s="5">
        <v>2.5985510178154932E-2</v>
      </c>
      <c r="Q16" s="5">
        <v>15.460815928819834</v>
      </c>
      <c r="R16" s="5">
        <v>0.42641154548504395</v>
      </c>
      <c r="S16" s="5">
        <v>6.8681344199474061</v>
      </c>
      <c r="T16" s="5">
        <v>11.911921600676678</v>
      </c>
      <c r="U16" s="5">
        <v>1.757252321500772</v>
      </c>
      <c r="V16" s="5">
        <v>54.461792424326845</v>
      </c>
      <c r="W16" s="5">
        <v>17.38887722492089</v>
      </c>
      <c r="X16" s="5">
        <v>204.67479356818819</v>
      </c>
      <c r="Y16" s="5">
        <v>77.202007801955418</v>
      </c>
      <c r="Z16" s="5">
        <v>363.01378635580801</v>
      </c>
      <c r="AA16" s="5">
        <v>74.615364171131148</v>
      </c>
      <c r="AB16" s="5">
        <v>679.2572082446801</v>
      </c>
      <c r="AC16" s="5">
        <v>129.05486618761654</v>
      </c>
      <c r="AD16" s="6">
        <v>9030.1879584365506</v>
      </c>
      <c r="AE16" s="5">
        <v>0.81728111306395801</v>
      </c>
      <c r="AF16" s="5">
        <v>49.154817973947324</v>
      </c>
      <c r="AG16" s="5">
        <v>181.45098909843989</v>
      </c>
      <c r="AH16" s="5">
        <v>228.54861580985525</v>
      </c>
    </row>
    <row r="17" spans="1:34" x14ac:dyDescent="0.2">
      <c r="A17" s="4" t="s">
        <v>979</v>
      </c>
      <c r="B17" s="4" t="s">
        <v>980</v>
      </c>
      <c r="C17" s="4">
        <v>2</v>
      </c>
      <c r="D17" s="4" t="s">
        <v>1081</v>
      </c>
      <c r="E17" s="5" t="s">
        <v>1085</v>
      </c>
      <c r="F17" s="6">
        <v>203942.25244022103</v>
      </c>
      <c r="G17" s="5">
        <v>447.56852434793581</v>
      </c>
      <c r="H17" s="5" t="s">
        <v>1086</v>
      </c>
      <c r="I17" s="5">
        <v>336.33613201007978</v>
      </c>
      <c r="J17" s="5">
        <v>8.5656872652674139</v>
      </c>
      <c r="K17" s="5">
        <v>21.264266387764895</v>
      </c>
      <c r="L17" s="5">
        <v>0.21116492607148124</v>
      </c>
      <c r="M17" s="6">
        <v>1052.1345111178941</v>
      </c>
      <c r="N17" s="5">
        <v>2.1874762286963834</v>
      </c>
      <c r="O17" s="5" t="s">
        <v>1087</v>
      </c>
      <c r="P17" s="5">
        <v>5.8800052354003153E-3</v>
      </c>
      <c r="Q17" s="5">
        <v>17.939496055594418</v>
      </c>
      <c r="R17" s="5">
        <v>0.14962974666073409</v>
      </c>
      <c r="S17" s="5">
        <v>2.7464333139118762</v>
      </c>
      <c r="T17" s="5">
        <v>5.4322861243325518</v>
      </c>
      <c r="U17" s="5">
        <v>1.0232743613887749</v>
      </c>
      <c r="V17" s="5">
        <v>27.860534664549263</v>
      </c>
      <c r="W17" s="5">
        <v>8.9769824838527423</v>
      </c>
      <c r="X17" s="5">
        <v>114.56127527823871</v>
      </c>
      <c r="Y17" s="5">
        <v>43.904486050130778</v>
      </c>
      <c r="Z17" s="5">
        <v>210.15211290704602</v>
      </c>
      <c r="AA17" s="5">
        <v>46.729549245769057</v>
      </c>
      <c r="AB17" s="5">
        <v>471.14223826569264</v>
      </c>
      <c r="AC17" s="5">
        <v>83.543107606974829</v>
      </c>
      <c r="AD17" s="6">
        <v>11120.99842119496</v>
      </c>
      <c r="AE17" s="5">
        <v>0.77966355998324188</v>
      </c>
      <c r="AF17" s="5">
        <v>48.541238082451493</v>
      </c>
      <c r="AG17" s="5">
        <v>164.61220660310465</v>
      </c>
      <c r="AH17" s="5">
        <v>246.09752533637047</v>
      </c>
    </row>
    <row r="18" spans="1:34" x14ac:dyDescent="0.2">
      <c r="A18" s="4" t="s">
        <v>983</v>
      </c>
      <c r="B18" s="4" t="s">
        <v>1084</v>
      </c>
      <c r="C18" s="4">
        <v>4</v>
      </c>
      <c r="D18" s="4" t="s">
        <v>1081</v>
      </c>
      <c r="E18" s="5" t="s">
        <v>1090</v>
      </c>
      <c r="F18" s="6">
        <v>195730.79871552106</v>
      </c>
      <c r="G18" s="5">
        <v>545.81436537171408</v>
      </c>
      <c r="H18" s="5">
        <v>49.666109509928631</v>
      </c>
      <c r="I18" s="5">
        <v>374.73360158244338</v>
      </c>
      <c r="J18" s="5">
        <v>9.412636915978899</v>
      </c>
      <c r="K18" s="5">
        <v>11.702816661528917</v>
      </c>
      <c r="L18" s="5">
        <v>0.37151446787589215</v>
      </c>
      <c r="M18" s="6">
        <v>1485.9382625596916</v>
      </c>
      <c r="N18" s="5">
        <v>3.6033051677459031</v>
      </c>
      <c r="O18" s="5" t="s">
        <v>1091</v>
      </c>
      <c r="P18" s="5">
        <v>1.2637896586555813E-2</v>
      </c>
      <c r="Q18" s="5">
        <v>22.165006116689678</v>
      </c>
      <c r="R18" s="5">
        <v>0.21209072248286223</v>
      </c>
      <c r="S18" s="5">
        <v>4.4394237092979205</v>
      </c>
      <c r="T18" s="5">
        <v>8.1605637929279489</v>
      </c>
      <c r="U18" s="5">
        <v>1.6377138137574803</v>
      </c>
      <c r="V18" s="5">
        <v>39.48227114423716</v>
      </c>
      <c r="W18" s="5">
        <v>12.815248008386808</v>
      </c>
      <c r="X18" s="5">
        <v>164.1324242633473</v>
      </c>
      <c r="Y18" s="5">
        <v>61.93676019030687</v>
      </c>
      <c r="Z18" s="5">
        <v>304.25193199531418</v>
      </c>
      <c r="AA18" s="5">
        <v>67.923449549413206</v>
      </c>
      <c r="AB18" s="5">
        <v>675.78199146437328</v>
      </c>
      <c r="AC18" s="5">
        <v>120.87343243077828</v>
      </c>
      <c r="AD18" s="6">
        <v>10789.582813131392</v>
      </c>
      <c r="AE18" s="5">
        <v>1.2938206355515456</v>
      </c>
      <c r="AF18" s="5">
        <v>77.802516727424603</v>
      </c>
      <c r="AG18" s="5">
        <v>257.13309954517467</v>
      </c>
      <c r="AH18" s="5">
        <v>375.11744054687551</v>
      </c>
    </row>
    <row r="19" spans="1:34" x14ac:dyDescent="0.2">
      <c r="A19" s="4" t="s">
        <v>984</v>
      </c>
      <c r="B19" s="4" t="s">
        <v>985</v>
      </c>
      <c r="C19" s="4">
        <v>5</v>
      </c>
      <c r="D19" s="4" t="s">
        <v>1081</v>
      </c>
      <c r="E19" s="5" t="s">
        <v>1092</v>
      </c>
      <c r="F19" s="6">
        <v>202629.70394447661</v>
      </c>
      <c r="G19" s="5">
        <v>506.14869169807423</v>
      </c>
      <c r="H19" s="5">
        <v>84.855421893884994</v>
      </c>
      <c r="I19" s="5">
        <v>339.73100380933511</v>
      </c>
      <c r="J19" s="5">
        <v>9.4392411591839398</v>
      </c>
      <c r="K19" s="5">
        <v>33.440907833188483</v>
      </c>
      <c r="L19" s="5">
        <v>0.36241812270507145</v>
      </c>
      <c r="M19" s="6">
        <v>2427.2594261724671</v>
      </c>
      <c r="N19" s="5">
        <v>2.5432085151911252</v>
      </c>
      <c r="O19" s="5" t="s">
        <v>1093</v>
      </c>
      <c r="P19" s="5">
        <v>5.7923093107399022E-2</v>
      </c>
      <c r="Q19" s="5">
        <v>18.708913947344818</v>
      </c>
      <c r="R19" s="5">
        <v>0.54313877396398069</v>
      </c>
      <c r="S19" s="5">
        <v>8.7445154413268771</v>
      </c>
      <c r="T19" s="5">
        <v>14.870941190916358</v>
      </c>
      <c r="U19" s="5">
        <v>2.8872423413626911</v>
      </c>
      <c r="V19" s="5">
        <v>74.457241995867761</v>
      </c>
      <c r="W19" s="5">
        <v>22.156469403158368</v>
      </c>
      <c r="X19" s="5">
        <v>268.82411988745406</v>
      </c>
      <c r="Y19" s="5">
        <v>98.617508559117084</v>
      </c>
      <c r="Z19" s="5">
        <v>469.31701253311161</v>
      </c>
      <c r="AA19" s="5">
        <v>97.216100519636768</v>
      </c>
      <c r="AB19" s="5">
        <v>939.50341321070982</v>
      </c>
      <c r="AC19" s="5">
        <v>166.03674854891989</v>
      </c>
      <c r="AD19" s="6">
        <v>10658.02202534854</v>
      </c>
      <c r="AE19" s="5">
        <v>0.93565637407300561</v>
      </c>
      <c r="AF19" s="5">
        <v>74.549659889693714</v>
      </c>
      <c r="AG19" s="5">
        <v>260.53609713871981</v>
      </c>
      <c r="AH19" s="5">
        <v>331.18742737854905</v>
      </c>
    </row>
    <row r="20" spans="1:34" x14ac:dyDescent="0.2">
      <c r="A20" s="4" t="s">
        <v>988</v>
      </c>
      <c r="B20" s="4" t="s">
        <v>989</v>
      </c>
      <c r="C20" s="4">
        <v>7</v>
      </c>
      <c r="D20" s="4" t="s">
        <v>1081</v>
      </c>
      <c r="E20" s="5">
        <v>2.348429011018085</v>
      </c>
      <c r="F20" s="6">
        <v>185089.7697211059</v>
      </c>
      <c r="G20" s="5">
        <v>529.79620887628062</v>
      </c>
      <c r="H20" s="5" t="s">
        <v>1097</v>
      </c>
      <c r="I20" s="5">
        <v>390.46287289887391</v>
      </c>
      <c r="J20" s="5">
        <v>10.724317617868287</v>
      </c>
      <c r="K20" s="5">
        <v>42.412365093285175</v>
      </c>
      <c r="L20" s="5">
        <v>0.29378188302527564</v>
      </c>
      <c r="M20" s="6">
        <v>1599.9001083859685</v>
      </c>
      <c r="N20" s="5">
        <v>3.7342761926126906</v>
      </c>
      <c r="O20" s="5">
        <v>0.40390796190892314</v>
      </c>
      <c r="P20" s="5">
        <v>0.25518855819978292</v>
      </c>
      <c r="Q20" s="5">
        <v>27.510657649164621</v>
      </c>
      <c r="R20" s="5">
        <v>0.47959364376651908</v>
      </c>
      <c r="S20" s="5">
        <v>6.3364615920275167</v>
      </c>
      <c r="T20" s="5">
        <v>9.1120565943769716</v>
      </c>
      <c r="U20" s="5">
        <v>1.9771311748577061</v>
      </c>
      <c r="V20" s="5">
        <v>43.821556695369487</v>
      </c>
      <c r="W20" s="5">
        <v>13.923549087206775</v>
      </c>
      <c r="X20" s="5">
        <v>175.90858140385515</v>
      </c>
      <c r="Y20" s="5">
        <v>66.188982184099885</v>
      </c>
      <c r="Z20" s="5">
        <v>314.78968188040278</v>
      </c>
      <c r="AA20" s="5">
        <v>70.628314213842927</v>
      </c>
      <c r="AB20" s="5">
        <v>680.22583431956548</v>
      </c>
      <c r="AC20" s="5">
        <v>114.13120756166997</v>
      </c>
      <c r="AD20" s="6">
        <v>9795.9508744889754</v>
      </c>
      <c r="AE20" s="5">
        <v>1.2150171877701943</v>
      </c>
      <c r="AF20" s="5">
        <v>128.15133113157569</v>
      </c>
      <c r="AG20" s="5">
        <v>455.14141362609752</v>
      </c>
      <c r="AH20" s="5">
        <v>483.54622936321522</v>
      </c>
    </row>
    <row r="21" spans="1:34" x14ac:dyDescent="0.2">
      <c r="A21" s="4" t="s">
        <v>990</v>
      </c>
      <c r="B21" s="4" t="s">
        <v>991</v>
      </c>
      <c r="C21" s="4">
        <v>7</v>
      </c>
      <c r="D21" s="4" t="s">
        <v>1081</v>
      </c>
      <c r="E21" s="5">
        <v>2.6921381742418098</v>
      </c>
      <c r="F21" s="6">
        <v>185788.68881415203</v>
      </c>
      <c r="G21" s="5">
        <v>402.97931073233195</v>
      </c>
      <c r="H21" s="5" t="s">
        <v>1098</v>
      </c>
      <c r="I21" s="5">
        <v>343.71645856389779</v>
      </c>
      <c r="J21" s="5">
        <v>7.6285537828415002</v>
      </c>
      <c r="K21" s="5">
        <v>45.826033210695307</v>
      </c>
      <c r="L21" s="5">
        <v>0.24719298266553252</v>
      </c>
      <c r="M21" s="6">
        <v>1190.8067322399188</v>
      </c>
      <c r="N21" s="5">
        <v>2.8136187309977969</v>
      </c>
      <c r="O21" s="5" t="s">
        <v>1099</v>
      </c>
      <c r="P21" s="5">
        <v>5.475625722788495E-2</v>
      </c>
      <c r="Q21" s="5">
        <v>20.206299271208611</v>
      </c>
      <c r="R21" s="5">
        <v>0.14974036581204955</v>
      </c>
      <c r="S21" s="5">
        <v>2.5808128037576807</v>
      </c>
      <c r="T21" s="5">
        <v>5.477862751273431</v>
      </c>
      <c r="U21" s="5">
        <v>1.2546820042637583</v>
      </c>
      <c r="V21" s="5">
        <v>30.647668506114471</v>
      </c>
      <c r="W21" s="5">
        <v>9.7247026923518831</v>
      </c>
      <c r="X21" s="5">
        <v>129.08575804318778</v>
      </c>
      <c r="Y21" s="5">
        <v>48.964643657908667</v>
      </c>
      <c r="Z21" s="5">
        <v>239.48922447399516</v>
      </c>
      <c r="AA21" s="5">
        <v>53.750942793879297</v>
      </c>
      <c r="AB21" s="5">
        <v>525.0693799945966</v>
      </c>
      <c r="AC21" s="5">
        <v>89.763389314619545</v>
      </c>
      <c r="AD21" s="6">
        <v>10660.589818375816</v>
      </c>
      <c r="AE21" s="5">
        <v>1.0314309235235113</v>
      </c>
      <c r="AF21" s="5">
        <v>70.503786907159949</v>
      </c>
      <c r="AG21" s="5">
        <v>266.29877741819485</v>
      </c>
      <c r="AH21" s="5">
        <v>338.38421301767107</v>
      </c>
    </row>
  </sheetData>
  <sortState ref="A2:BI32">
    <sortCondition ref="D28"/>
  </sortState>
  <conditionalFormatting sqref="A1:D1">
    <cfRule type="containsText" dxfId="0" priority="1" operator="containsText" text="&lt;">
      <formula>NOT(ISERROR(SEARCH("&lt;",A1)))</formula>
    </cfRule>
  </conditionalFormatting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6</vt:i4>
      </vt:variant>
    </vt:vector>
  </HeadingPairs>
  <TitlesOfParts>
    <vt:vector size="6" baseType="lpstr">
      <vt:lpstr>715.6</vt:lpstr>
      <vt:lpstr>493.7</vt:lpstr>
      <vt:lpstr>Stop10</vt:lpstr>
      <vt:lpstr>Stop11</vt:lpstr>
      <vt:lpstr>1323</vt:lpstr>
      <vt:lpstr>1444.5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N</dc:creator>
  <cp:lastModifiedBy>Kevin Neyedley</cp:lastModifiedBy>
  <dcterms:created xsi:type="dcterms:W3CDTF">2019-02-13T14:08:40Z</dcterms:created>
  <dcterms:modified xsi:type="dcterms:W3CDTF">2020-05-25T13:36:17Z</dcterms:modified>
</cp:coreProperties>
</file>